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014282\Desktop\サーバーダウン回避(終わったらファイル削除)\波木汚水中継ポンプ場機械設備工事\"/>
    </mc:Choice>
  </mc:AlternateContent>
  <bookViews>
    <workbookView xWindow="9630" yWindow="180" windowWidth="10485" windowHeight="7680" tabRatio="822" activeTab="10"/>
  </bookViews>
  <sheets>
    <sheet name="設計書" sheetId="6" r:id="rId1"/>
    <sheet name="内訳書" sheetId="35" r:id="rId2"/>
    <sheet name="PM機械明細書" sheetId="8" r:id="rId3"/>
    <sheet name="PM一式内訳書" sheetId="26" r:id="rId4"/>
    <sheet name="AM工事内訳" sheetId="29" r:id="rId5"/>
    <sheet name="AM工事内訳 (2)" sheetId="30" r:id="rId6"/>
    <sheet name="AM種目" sheetId="31" r:id="rId7"/>
    <sheet name="AM科目" sheetId="32" r:id="rId8"/>
    <sheet name="AM中科目1" sheetId="33" r:id="rId9"/>
    <sheet name="AM細目別内訳" sheetId="34" r:id="rId10"/>
    <sheet name="施工条件明示一覧表" sheetId="28" r:id="rId11"/>
  </sheets>
  <externalReferences>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s>
  <definedNames>
    <definedName name="_" localSheetId="3">#REF!</definedName>
    <definedName name="_" localSheetId="1">#REF!</definedName>
    <definedName name="_">#REF!</definedName>
    <definedName name="____RE2" localSheetId="3">#REF!</definedName>
    <definedName name="____RE2" localSheetId="1">#REF!</definedName>
    <definedName name="____RE2">#REF!</definedName>
    <definedName name="____SUB2" localSheetId="3">#REF!</definedName>
    <definedName name="____SUB2" localSheetId="1">#REF!</definedName>
    <definedName name="____SUB2">#REF!</definedName>
    <definedName name="____SUB3" localSheetId="3">#REF!</definedName>
    <definedName name="____SUB3">#REF!</definedName>
    <definedName name="____SUB4" localSheetId="3">#REF!</definedName>
    <definedName name="____SUB4">#REF!</definedName>
    <definedName name="___RE2" localSheetId="3">#REF!</definedName>
    <definedName name="___RE2">#REF!</definedName>
    <definedName name="___SON1" localSheetId="3">#REF!</definedName>
    <definedName name="___SON1">#REF!</definedName>
    <definedName name="___son2" localSheetId="3">#REF!</definedName>
    <definedName name="___son2">#REF!</definedName>
    <definedName name="___SON3" localSheetId="3">#REF!</definedName>
    <definedName name="___SON3">#REF!</definedName>
    <definedName name="___SUB2" localSheetId="3">#REF!</definedName>
    <definedName name="___SUB2">#REF!</definedName>
    <definedName name="___SUB3" localSheetId="3">#REF!</definedName>
    <definedName name="___SUB3">#REF!</definedName>
    <definedName name="___SUB4" localSheetId="3">#REF!</definedName>
    <definedName name="___SUB4">#REF!</definedName>
    <definedName name="___tan1" localSheetId="3">#REF!</definedName>
    <definedName name="___tan1">#REF!</definedName>
    <definedName name="___tan2" localSheetId="3">#REF!</definedName>
    <definedName name="___tan2">#REF!</definedName>
    <definedName name="___tan3" localSheetId="3">#REF!</definedName>
    <definedName name="___tan3">#REF!</definedName>
    <definedName name="__123Graph_A外装" localSheetId="3" hidden="1">[1]仮設躯体!#REF!</definedName>
    <definedName name="__123Graph_A外装" hidden="1">[1]仮設躯体!#REF!</definedName>
    <definedName name="__123Graph_A躯体" localSheetId="3" hidden="1">[1]仮設躯体!#REF!</definedName>
    <definedName name="__123Graph_A躯体" hidden="1">[1]仮設躯体!#REF!</definedName>
    <definedName name="__123Graph_A建築" localSheetId="3" hidden="1">[1]仮設躯体!#REF!</definedName>
    <definedName name="__123Graph_A建築" hidden="1">[1]仮設躯体!#REF!</definedName>
    <definedName name="__123Graph_A室内" localSheetId="3" hidden="1">[1]仮設躯体!#REF!</definedName>
    <definedName name="__123Graph_A室内" hidden="1">[1]仮設躯体!#REF!</definedName>
    <definedName name="__123Graph_A土工" localSheetId="3" hidden="1">[1]仮設躯体!#REF!</definedName>
    <definedName name="__123Graph_A土工" hidden="1">[1]仮設躯体!#REF!</definedName>
    <definedName name="__123Graph_A内装" localSheetId="3" hidden="1">[1]仮設躯体!#REF!</definedName>
    <definedName name="__123Graph_A内装" hidden="1">[1]仮設躯体!#REF!</definedName>
    <definedName name="__123Graph_X外装" localSheetId="3" hidden="1">[1]仮設躯体!#REF!</definedName>
    <definedName name="__123Graph_X外装" hidden="1">[1]仮設躯体!#REF!</definedName>
    <definedName name="__123Graph_X躯体" localSheetId="3" hidden="1">[1]仮設躯体!#REF!</definedName>
    <definedName name="__123Graph_X躯体" hidden="1">[1]仮設躯体!#REF!</definedName>
    <definedName name="__123Graph_X建築" localSheetId="3" hidden="1">[1]仮設躯体!#REF!</definedName>
    <definedName name="__123Graph_X建築" hidden="1">[1]仮設躯体!#REF!</definedName>
    <definedName name="__123Graph_X室内" localSheetId="3" hidden="1">[1]仮設躯体!#REF!</definedName>
    <definedName name="__123Graph_X室内" hidden="1">[1]仮設躯体!#REF!</definedName>
    <definedName name="__123Graph_X土工" localSheetId="3" hidden="1">[1]仮設躯体!#REF!</definedName>
    <definedName name="__123Graph_X土工" hidden="1">[1]仮設躯体!#REF!</definedName>
    <definedName name="__123Graph_X内装" localSheetId="3" hidden="1">[1]仮設躯体!#REF!</definedName>
    <definedName name="__123Graph_X内装" hidden="1">[1]仮設躯体!#REF!</definedName>
    <definedName name="__RE2" localSheetId="3">#REF!</definedName>
    <definedName name="__RE2" localSheetId="10">#REF!</definedName>
    <definedName name="__RE2" localSheetId="1">#REF!</definedName>
    <definedName name="__RE2">#REF!</definedName>
    <definedName name="__SON1" localSheetId="3">#REF!</definedName>
    <definedName name="__SON1" localSheetId="10">#REF!</definedName>
    <definedName name="__SON1" localSheetId="1">#REF!</definedName>
    <definedName name="__SON1">#REF!</definedName>
    <definedName name="__son2" localSheetId="3">#REF!</definedName>
    <definedName name="__son2" localSheetId="10">#REF!</definedName>
    <definedName name="__son2" localSheetId="1">#REF!</definedName>
    <definedName name="__son2">#REF!</definedName>
    <definedName name="__SON3" localSheetId="3">#REF!</definedName>
    <definedName name="__SON3">#REF!</definedName>
    <definedName name="__SUB2" localSheetId="3">#REF!</definedName>
    <definedName name="__SUB2">#REF!</definedName>
    <definedName name="__SUB3" localSheetId="3">#REF!</definedName>
    <definedName name="__SUB3">#REF!</definedName>
    <definedName name="__SUB4" localSheetId="3">#REF!</definedName>
    <definedName name="__SUB4">#REF!</definedName>
    <definedName name="__tan1" localSheetId="3">#REF!</definedName>
    <definedName name="__tan1">#REF!</definedName>
    <definedName name="__tan2" localSheetId="3">#REF!</definedName>
    <definedName name="__tan2">#REF!</definedName>
    <definedName name="__tan3" localSheetId="3">#REF!</definedName>
    <definedName name="__tan3">#REF!</definedName>
    <definedName name="_1" localSheetId="3">#REF!</definedName>
    <definedName name="_1">#REF!</definedName>
    <definedName name="_1000" localSheetId="3">#REF!</definedName>
    <definedName name="_1000">#REF!</definedName>
    <definedName name="_1010" localSheetId="3">[2]見積01!#REF!</definedName>
    <definedName name="_1010">[2]見積01!#REF!</definedName>
    <definedName name="_1020" localSheetId="3">[2]見積01!#REF!</definedName>
    <definedName name="_1020">[2]見積01!#REF!</definedName>
    <definedName name="_11" localSheetId="3">#REF!</definedName>
    <definedName name="_11" localSheetId="10">#REF!</definedName>
    <definedName name="_11" localSheetId="1">#REF!</definedName>
    <definedName name="_11">#REF!</definedName>
    <definedName name="_111" localSheetId="3">#REF!</definedName>
    <definedName name="_111" localSheetId="10">#REF!</definedName>
    <definedName name="_111" localSheetId="1">#REF!</definedName>
    <definedName name="_111">#REF!</definedName>
    <definedName name="_111a" localSheetId="3">#REF!</definedName>
    <definedName name="_111a" localSheetId="10">#REF!</definedName>
    <definedName name="_111a" localSheetId="1">#REF!</definedName>
    <definedName name="_111a">#REF!</definedName>
    <definedName name="_116" localSheetId="3">#REF!</definedName>
    <definedName name="_116">#REF!</definedName>
    <definedName name="_116a" localSheetId="3">#REF!</definedName>
    <definedName name="_116a">#REF!</definedName>
    <definedName name="_117" localSheetId="3">#REF!</definedName>
    <definedName name="_117">#REF!</definedName>
    <definedName name="_117a" localSheetId="3">#REF!</definedName>
    <definedName name="_117a">#REF!</definedName>
    <definedName name="_118" localSheetId="3">#REF!</definedName>
    <definedName name="_118">#REF!</definedName>
    <definedName name="_118a" localSheetId="3">#REF!</definedName>
    <definedName name="_118a">#REF!</definedName>
    <definedName name="_119" localSheetId="3">#REF!</definedName>
    <definedName name="_119">#REF!</definedName>
    <definedName name="_119a" localSheetId="3">#REF!</definedName>
    <definedName name="_119a">#REF!</definedName>
    <definedName name="_11a" localSheetId="3">#REF!</definedName>
    <definedName name="_11a">#REF!</definedName>
    <definedName name="_12" localSheetId="3">[2]見積01!#REF!</definedName>
    <definedName name="_12">[2]見積01!#REF!</definedName>
    <definedName name="_120" localSheetId="3">#REF!</definedName>
    <definedName name="_120" localSheetId="10">#REF!</definedName>
    <definedName name="_120" localSheetId="1">#REF!</definedName>
    <definedName name="_120">#REF!</definedName>
    <definedName name="_120a" localSheetId="3">#REF!</definedName>
    <definedName name="_120a" localSheetId="10">#REF!</definedName>
    <definedName name="_120a" localSheetId="1">#REF!</definedName>
    <definedName name="_120a">#REF!</definedName>
    <definedName name="_121" localSheetId="3">#REF!</definedName>
    <definedName name="_121" localSheetId="10">#REF!</definedName>
    <definedName name="_121" localSheetId="1">#REF!</definedName>
    <definedName name="_121">#REF!</definedName>
    <definedName name="_121a" localSheetId="3">#REF!</definedName>
    <definedName name="_121a">#REF!</definedName>
    <definedName name="_122" localSheetId="3">#REF!</definedName>
    <definedName name="_122">#REF!</definedName>
    <definedName name="_122a" localSheetId="3">#REF!</definedName>
    <definedName name="_122a">#REF!</definedName>
    <definedName name="_123" localSheetId="3">#REF!</definedName>
    <definedName name="_123">#REF!</definedName>
    <definedName name="_123Gaaa_A" hidden="1">[3]Sheet2!#REF!</definedName>
    <definedName name="_123Graph" hidden="1">[3]Sheet2!#REF!</definedName>
    <definedName name="_13" localSheetId="3">[2]見積01!#REF!</definedName>
    <definedName name="_13">[2]見積01!#REF!</definedName>
    <definedName name="_14" localSheetId="3">[2]見積01!#REF!</definedName>
    <definedName name="_14">[2]見積01!#REF!</definedName>
    <definedName name="_15" localSheetId="3">[2]見積01!#REF!</definedName>
    <definedName name="_15">[2]見積01!#REF!</definedName>
    <definedName name="_16" localSheetId="3">#REF!</definedName>
    <definedName name="_16" localSheetId="10">#REF!</definedName>
    <definedName name="_16" localSheetId="1">#REF!</definedName>
    <definedName name="_16">#REF!</definedName>
    <definedName name="_17" localSheetId="3">#REF!</definedName>
    <definedName name="_17" localSheetId="10">#REF!</definedName>
    <definedName name="_17" localSheetId="1">#REF!</definedName>
    <definedName name="_17">#REF!</definedName>
    <definedName name="_18" localSheetId="3">#REF!</definedName>
    <definedName name="_18" localSheetId="10">#REF!</definedName>
    <definedName name="_18" localSheetId="1">#REF!</definedName>
    <definedName name="_18">#REF!</definedName>
    <definedName name="_19" localSheetId="3">#REF!</definedName>
    <definedName name="_19">#REF!</definedName>
    <definedName name="_1ｂ９_" localSheetId="3">#REF!</definedName>
    <definedName name="_1ｂ９_">#REF!</definedName>
    <definedName name="_1Print_Area_02" localSheetId="3">#REF!</definedName>
    <definedName name="_1Print_Area_02">#REF!</definedName>
    <definedName name="_2" localSheetId="3">[2]見積01!#REF!</definedName>
    <definedName name="_2">[2]見積01!#REF!</definedName>
    <definedName name="_20" localSheetId="3">#REF!</definedName>
    <definedName name="_20" localSheetId="10">#REF!</definedName>
    <definedName name="_20" localSheetId="1">#REF!</definedName>
    <definedName name="_20">#REF!</definedName>
    <definedName name="_21" localSheetId="3">#REF!</definedName>
    <definedName name="_21" localSheetId="10">#REF!</definedName>
    <definedName name="_21" localSheetId="1">#REF!</definedName>
    <definedName name="_21">#REF!</definedName>
    <definedName name="_216" localSheetId="3">#REF!</definedName>
    <definedName name="_216" localSheetId="10">#REF!</definedName>
    <definedName name="_216" localSheetId="1">#REF!</definedName>
    <definedName name="_216">#REF!</definedName>
    <definedName name="_217" localSheetId="3">#REF!</definedName>
    <definedName name="_217">#REF!</definedName>
    <definedName name="_218" localSheetId="3">#REF!</definedName>
    <definedName name="_218">#REF!</definedName>
    <definedName name="_219" localSheetId="3">#REF!</definedName>
    <definedName name="_219">#REF!</definedName>
    <definedName name="_22" localSheetId="3">#REF!</definedName>
    <definedName name="_22">#REF!</definedName>
    <definedName name="_220" localSheetId="3">#REF!</definedName>
    <definedName name="_220">#REF!</definedName>
    <definedName name="_221" localSheetId="3">#REF!</definedName>
    <definedName name="_221">#REF!</definedName>
    <definedName name="_222" localSheetId="3">#REF!</definedName>
    <definedName name="_222">#REF!</definedName>
    <definedName name="_223" localSheetId="3">#REF!</definedName>
    <definedName name="_223">#REF!</definedName>
    <definedName name="_23" localSheetId="3">#REF!</definedName>
    <definedName name="_23">#REF!</definedName>
    <definedName name="_2Print_Area_03" localSheetId="3">#REF!</definedName>
    <definedName name="_2Print_Area_03">#REF!</definedName>
    <definedName name="_2ページまで" localSheetId="3">#REF!</definedName>
    <definedName name="_2ページまで">#REF!</definedName>
    <definedName name="_33" localSheetId="3">#REF!</definedName>
    <definedName name="_33">#REF!</definedName>
    <definedName name="_3Print_Area_02" localSheetId="3">#REF!</definedName>
    <definedName name="_3Print_Area_02">#REF!</definedName>
    <definedName name="_3ページまで" localSheetId="3">#REF!</definedName>
    <definedName name="_3ページまで">#REF!</definedName>
    <definedName name="_3行挿入" localSheetId="3">#REF!</definedName>
    <definedName name="_3行挿入">#REF!</definedName>
    <definedName name="_44" localSheetId="3">#REF!</definedName>
    <definedName name="_44">#REF!</definedName>
    <definedName name="_4Print_Area_03" localSheetId="3">#REF!</definedName>
    <definedName name="_4Print_Area_03">#REF!</definedName>
    <definedName name="_4ページまで" localSheetId="3">#REF!</definedName>
    <definedName name="_4ページまで">#REF!</definedName>
    <definedName name="_50" localSheetId="3">#REF!</definedName>
    <definedName name="_50">#REF!</definedName>
    <definedName name="_55" localSheetId="3">#REF!</definedName>
    <definedName name="_55">#REF!</definedName>
    <definedName name="_5ページまで" localSheetId="3">#REF!</definedName>
    <definedName name="_5ページまで">#REF!</definedName>
    <definedName name="_66" localSheetId="3">#REF!</definedName>
    <definedName name="_66">#REF!</definedName>
    <definedName name="_6ページまで" localSheetId="3">#REF!</definedName>
    <definedName name="_6ページまで">#REF!</definedName>
    <definedName name="_7ページまで" localSheetId="3">#REF!</definedName>
    <definedName name="_7ページまで">#REF!</definedName>
    <definedName name="_850" localSheetId="3">#REF!</definedName>
    <definedName name="_850">#REF!</definedName>
    <definedName name="_88" localSheetId="3">#REF!</definedName>
    <definedName name="_88">#REF!</definedName>
    <definedName name="_99" localSheetId="3">#REF!</definedName>
    <definedName name="_99">#REF!</definedName>
    <definedName name="_BOX01" localSheetId="3">#REF!</definedName>
    <definedName name="_BOX01">#REF!</definedName>
    <definedName name="_BOX02" localSheetId="3">#REF!</definedName>
    <definedName name="_BOX02">#REF!</definedName>
    <definedName name="_BOX03" localSheetId="3">#REF!</definedName>
    <definedName name="_BOX03">#REF!</definedName>
    <definedName name="_BUN2">[4]歩・屋!$E$5:$T$16</definedName>
    <definedName name="_Fill" localSheetId="3" hidden="1">#REF!</definedName>
    <definedName name="_Fill" localSheetId="10" hidden="1">#REF!</definedName>
    <definedName name="_Fill" localSheetId="1" hidden="1">#REF!</definedName>
    <definedName name="_Fill" hidden="1">#REF!</definedName>
    <definedName name="_I1" localSheetId="3">#REF!</definedName>
    <definedName name="_I1" localSheetId="10">#REF!</definedName>
    <definedName name="_I1" localSheetId="1">#REF!</definedName>
    <definedName name="_I1">#REF!</definedName>
    <definedName name="_I2" localSheetId="3">#REF!</definedName>
    <definedName name="_I2" localSheetId="1">#REF!</definedName>
    <definedName name="_I2">#REF!</definedName>
    <definedName name="_I3" localSheetId="3">#REF!</definedName>
    <definedName name="_I3">#REF!</definedName>
    <definedName name="_Key1" localSheetId="3" hidden="1">[4]内・屋外!#REF!</definedName>
    <definedName name="_Key1" hidden="1">[4]内・屋外!#REF!</definedName>
    <definedName name="_Key2" localSheetId="3" hidden="1">[4]内・屋外!#REF!</definedName>
    <definedName name="_Key2" hidden="1">[4]内・屋外!#REF!</definedName>
    <definedName name="_Order1" hidden="1">255</definedName>
    <definedName name="_Order2" hidden="1">255</definedName>
    <definedName name="_P1" localSheetId="3">#REF!</definedName>
    <definedName name="_P1" localSheetId="10">#REF!</definedName>
    <definedName name="_P1" localSheetId="1">#REF!</definedName>
    <definedName name="_P1">#REF!</definedName>
    <definedName name="_p2" localSheetId="3">#REF!</definedName>
    <definedName name="_p2" localSheetId="10">#REF!</definedName>
    <definedName name="_p2" localSheetId="1">#REF!</definedName>
    <definedName name="_p2">#REF!</definedName>
    <definedName name="_p3" localSheetId="3">#REF!</definedName>
    <definedName name="_p3" localSheetId="10">#REF!</definedName>
    <definedName name="_p3" localSheetId="1">#REF!</definedName>
    <definedName name="_p3">#REF!</definedName>
    <definedName name="_RE2" localSheetId="3">#REF!</definedName>
    <definedName name="_RE2">#REF!</definedName>
    <definedName name="_Regression_Int" hidden="1">1</definedName>
    <definedName name="_Regression_Out" localSheetId="3" hidden="1">#REF!</definedName>
    <definedName name="_Regression_Out" localSheetId="10" hidden="1">#REF!</definedName>
    <definedName name="_Regression_Out" localSheetId="1" hidden="1">#REF!</definedName>
    <definedName name="_Regression_Out" hidden="1">#REF!</definedName>
    <definedName name="_Regression_X" localSheetId="3" hidden="1">#REF!</definedName>
    <definedName name="_Regression_X" localSheetId="10" hidden="1">#REF!</definedName>
    <definedName name="_Regression_X" localSheetId="1" hidden="1">#REF!</definedName>
    <definedName name="_Regression_X" hidden="1">#REF!</definedName>
    <definedName name="_Regression_Y" localSheetId="3" hidden="1">#REF!</definedName>
    <definedName name="_Regression_Y" localSheetId="10" hidden="1">#REF!</definedName>
    <definedName name="_Regression_Y" localSheetId="1" hidden="1">#REF!</definedName>
    <definedName name="_Regression_Y" hidden="1">#REF!</definedName>
    <definedName name="_SON1" localSheetId="3">#REF!</definedName>
    <definedName name="_SON1">#REF!</definedName>
    <definedName name="_son2" localSheetId="3">#REF!</definedName>
    <definedName name="_son2">#REF!</definedName>
    <definedName name="_SON3" localSheetId="3">#REF!</definedName>
    <definedName name="_SON3">#REF!</definedName>
    <definedName name="_Sort" localSheetId="3" hidden="1">[4]内・屋外!#REF!</definedName>
    <definedName name="_Sort" hidden="1">[4]内・屋外!#REF!</definedName>
    <definedName name="_SUB2" localSheetId="3">#REF!</definedName>
    <definedName name="_SUB2" localSheetId="10">#REF!</definedName>
    <definedName name="_SUB2" localSheetId="1">#REF!</definedName>
    <definedName name="_SUB2">#REF!</definedName>
    <definedName name="_SUB3" localSheetId="3">#REF!</definedName>
    <definedName name="_SUB3" localSheetId="10">#REF!</definedName>
    <definedName name="_SUB3" localSheetId="1">#REF!</definedName>
    <definedName name="_SUB3">#REF!</definedName>
    <definedName name="_SUB4" localSheetId="3">#REF!</definedName>
    <definedName name="_SUB4" localSheetId="10">#REF!</definedName>
    <definedName name="_SUB4" localSheetId="1">#REF!</definedName>
    <definedName name="_SUB4">#REF!</definedName>
    <definedName name="_tan1" localSheetId="3">#REF!</definedName>
    <definedName name="_tan1">#REF!</definedName>
    <definedName name="_tan2" localSheetId="3">#REF!</definedName>
    <definedName name="_tan2">#REF!</definedName>
    <definedName name="_tan3" localSheetId="3">#REF!</definedName>
    <definedName name="_tan3">#REF!</definedName>
    <definedName name="\0" localSheetId="3">#REF!</definedName>
    <definedName name="\0">#REF!</definedName>
    <definedName name="\1" localSheetId="3">#REF!</definedName>
    <definedName name="\1">#REF!</definedName>
    <definedName name="￥1250" localSheetId="3">#REF!</definedName>
    <definedName name="￥1250">#REF!</definedName>
    <definedName name="￥1900" localSheetId="3">#REF!</definedName>
    <definedName name="￥1900">#REF!</definedName>
    <definedName name="\A" localSheetId="3">#REF!</definedName>
    <definedName name="\A" localSheetId="10">#REF!</definedName>
    <definedName name="\A">#REF!</definedName>
    <definedName name="\A1" localSheetId="3">#REF!</definedName>
    <definedName name="\A1">#REF!</definedName>
    <definedName name="\AAA" localSheetId="3">#REF!</definedName>
    <definedName name="\AAA">#REF!</definedName>
    <definedName name="\B" localSheetId="3">#REF!</definedName>
    <definedName name="\B" localSheetId="10">#REF!</definedName>
    <definedName name="\B">#REF!</definedName>
    <definedName name="\B1" localSheetId="3">#REF!</definedName>
    <definedName name="\B1">#REF!</definedName>
    <definedName name="\C" localSheetId="3">#REF!</definedName>
    <definedName name="\C">#REF!</definedName>
    <definedName name="\C1" localSheetId="3">#REF!</definedName>
    <definedName name="\C1">#REF!</definedName>
    <definedName name="\d" localSheetId="3">#REF!</definedName>
    <definedName name="\d" localSheetId="10">#REF!</definedName>
    <definedName name="\d">#REF!</definedName>
    <definedName name="\D1" localSheetId="3">#REF!</definedName>
    <definedName name="\D1">#REF!</definedName>
    <definedName name="\e" localSheetId="3">#REF!</definedName>
    <definedName name="\e" localSheetId="10">#REF!</definedName>
    <definedName name="\e">#REF!</definedName>
    <definedName name="\E1" localSheetId="3">#REF!</definedName>
    <definedName name="\E1">#REF!</definedName>
    <definedName name="\f" localSheetId="3">#REF!</definedName>
    <definedName name="\f" localSheetId="10">#REF!</definedName>
    <definedName name="\f">#REF!</definedName>
    <definedName name="\F1" localSheetId="3">#REF!</definedName>
    <definedName name="\F1">#REF!</definedName>
    <definedName name="\g" localSheetId="3">#REF!</definedName>
    <definedName name="\g" localSheetId="10">#REF!</definedName>
    <definedName name="\g">#REF!</definedName>
    <definedName name="\G1" localSheetId="3">#REF!</definedName>
    <definedName name="\G1">#REF!</definedName>
    <definedName name="\GOTO" localSheetId="3">#REF!</definedName>
    <definedName name="\GOTO">#REF!</definedName>
    <definedName name="\h" localSheetId="3">#REF!</definedName>
    <definedName name="\h" localSheetId="10">#REF!</definedName>
    <definedName name="\h">#REF!</definedName>
    <definedName name="\H1" localSheetId="3">#REF!</definedName>
    <definedName name="\H1">#REF!</definedName>
    <definedName name="\i" localSheetId="3">#REF!</definedName>
    <definedName name="\i" localSheetId="10">#REF!</definedName>
    <definedName name="\i">#REF!</definedName>
    <definedName name="\I1" localSheetId="3">#REF!</definedName>
    <definedName name="\I1">#REF!</definedName>
    <definedName name="\j" localSheetId="3">#REF!</definedName>
    <definedName name="\j" localSheetId="10">#REF!</definedName>
    <definedName name="\j">#REF!</definedName>
    <definedName name="\J1" localSheetId="3">#REF!</definedName>
    <definedName name="\J1">#REF!</definedName>
    <definedName name="\k" localSheetId="3">#REF!</definedName>
    <definedName name="\k" localSheetId="10">#REF!</definedName>
    <definedName name="\k">#REF!</definedName>
    <definedName name="\K1" localSheetId="3">#REF!</definedName>
    <definedName name="\K1">#REF!</definedName>
    <definedName name="\l">#N/A</definedName>
    <definedName name="\L1" localSheetId="3">#REF!</definedName>
    <definedName name="\L1" localSheetId="10">#REF!</definedName>
    <definedName name="\L1" localSheetId="1">#REF!</definedName>
    <definedName name="\L1">#REF!</definedName>
    <definedName name="\m" localSheetId="3">#REF!</definedName>
    <definedName name="\m" localSheetId="10">#REF!</definedName>
    <definedName name="\m" localSheetId="1">#REF!</definedName>
    <definedName name="\m">#REF!</definedName>
    <definedName name="\M1" localSheetId="3">#REF!</definedName>
    <definedName name="\M1" localSheetId="10">#REF!</definedName>
    <definedName name="\M1" localSheetId="1">#REF!</definedName>
    <definedName name="\M1">#REF!</definedName>
    <definedName name="\n" localSheetId="3">#REF!</definedName>
    <definedName name="\n" localSheetId="10">#REF!</definedName>
    <definedName name="\n">#REF!</definedName>
    <definedName name="\N1" localSheetId="3">#REF!</definedName>
    <definedName name="\N1">#REF!</definedName>
    <definedName name="\o" localSheetId="3">[5]表紙!#REF!</definedName>
    <definedName name="\o">[5]表紙!#REF!</definedName>
    <definedName name="\O1" localSheetId="3">#REF!</definedName>
    <definedName name="\O1" localSheetId="10">#REF!</definedName>
    <definedName name="\O1" localSheetId="1">#REF!</definedName>
    <definedName name="\O1">#REF!</definedName>
    <definedName name="\p" localSheetId="3">#REF!</definedName>
    <definedName name="\p" localSheetId="10">#REF!</definedName>
    <definedName name="\p" localSheetId="1">#REF!</definedName>
    <definedName name="\p">#REF!</definedName>
    <definedName name="\P1">[6]労務集計!$N$6</definedName>
    <definedName name="\q" localSheetId="3">#REF!</definedName>
    <definedName name="\q" localSheetId="10">#REF!</definedName>
    <definedName name="\q" localSheetId="1">#REF!</definedName>
    <definedName name="\q">#REF!</definedName>
    <definedName name="\r" localSheetId="3">#REF!</definedName>
    <definedName name="\r" localSheetId="10">#REF!</definedName>
    <definedName name="\r" localSheetId="1">#REF!</definedName>
    <definedName name="\r">#REF!</definedName>
    <definedName name="\s" localSheetId="3">#REF!</definedName>
    <definedName name="\s" localSheetId="10">#REF!</definedName>
    <definedName name="\s" localSheetId="1">#REF!</definedName>
    <definedName name="\s">#REF!</definedName>
    <definedName name="\t" localSheetId="3">#REF!</definedName>
    <definedName name="\t" localSheetId="10">#REF!</definedName>
    <definedName name="\t">#REF!</definedName>
    <definedName name="\u">#N/A</definedName>
    <definedName name="\v" localSheetId="3">[5]表紙!#REF!</definedName>
    <definedName name="\v" localSheetId="10">[5]表紙!#REF!</definedName>
    <definedName name="\v">[5]表紙!#REF!</definedName>
    <definedName name="\w" localSheetId="3">#REF!</definedName>
    <definedName name="\w" localSheetId="10">#REF!</definedName>
    <definedName name="\w" localSheetId="1">#REF!</definedName>
    <definedName name="\w">#REF!</definedName>
    <definedName name="\x" localSheetId="3">#REF!</definedName>
    <definedName name="\x" localSheetId="10">#REF!</definedName>
    <definedName name="\x" localSheetId="1">#REF!</definedName>
    <definedName name="\x">#REF!</definedName>
    <definedName name="\y" localSheetId="3">#REF!</definedName>
    <definedName name="\y" localSheetId="10">#REF!</definedName>
    <definedName name="\y" localSheetId="1">#REF!</definedName>
    <definedName name="\y">#REF!</definedName>
    <definedName name="\z" localSheetId="3">#REF!</definedName>
    <definedName name="\z" localSheetId="10">#REF!</definedName>
    <definedName name="\z">#REF!</definedName>
    <definedName name="￥あ">[7]土工!$D$2</definedName>
    <definedName name="\一覧表" localSheetId="3">#REF!</definedName>
    <definedName name="\一覧表" localSheetId="10">#REF!</definedName>
    <definedName name="\一覧表" localSheetId="1">#REF!</definedName>
    <definedName name="\一覧表">#REF!</definedName>
    <definedName name="\印刷設定" localSheetId="3">#REF!</definedName>
    <definedName name="\印刷設定" localSheetId="10">#REF!</definedName>
    <definedName name="\印刷設定" localSheetId="1">#REF!</definedName>
    <definedName name="\印刷設定">#REF!</definedName>
    <definedName name="\印刷設定一" localSheetId="3">#REF!</definedName>
    <definedName name="\印刷設定一" localSheetId="10">#REF!</definedName>
    <definedName name="\印刷設定一" localSheetId="1">#REF!</definedName>
    <definedName name="\印刷設定一">#REF!</definedName>
    <definedName name="A" localSheetId="3">[8]表紙!#REF!</definedName>
    <definedName name="A" localSheetId="10">[8]表紙!#REF!</definedName>
    <definedName name="A" localSheetId="1">[8]表紙!#REF!</definedName>
    <definedName name="A">[8]表紙!#REF!</definedName>
    <definedName name="AA" localSheetId="3">#REF!</definedName>
    <definedName name="AA" localSheetId="10">#REF!</definedName>
    <definedName name="AA" localSheetId="1">#REF!</definedName>
    <definedName name="AA">#REF!</definedName>
    <definedName name="AAA" localSheetId="3">#REF!</definedName>
    <definedName name="AAA" localSheetId="10">#REF!</definedName>
    <definedName name="AAA" localSheetId="1">#REF!</definedName>
    <definedName name="AAA">#REF!</definedName>
    <definedName name="AAAA" localSheetId="3">#REF!</definedName>
    <definedName name="AAAA" localSheetId="10">#REF!</definedName>
    <definedName name="AAAA" localSheetId="1">#REF!</definedName>
    <definedName name="AAAA">#REF!</definedName>
    <definedName name="AB">0.2</definedName>
    <definedName name="abc" localSheetId="3">#REF!</definedName>
    <definedName name="abc" localSheetId="10">#REF!</definedName>
    <definedName name="abc" localSheetId="1">#REF!</definedName>
    <definedName name="abc">#REF!</definedName>
    <definedName name="AC" localSheetId="3">#REF!</definedName>
    <definedName name="AC" localSheetId="10">#REF!</definedName>
    <definedName name="AC" localSheetId="1">#REF!</definedName>
    <definedName name="AC">#REF!</definedName>
    <definedName name="AccessDatabase" hidden="1">"C:\My Documents\キンニャモニャセンター計算集計1.mdb"</definedName>
    <definedName name="AD" localSheetId="3">#REF!</definedName>
    <definedName name="AD" localSheetId="10">#REF!</definedName>
    <definedName name="AD" localSheetId="1">#REF!</definedName>
    <definedName name="AD">#REF!</definedName>
    <definedName name="AE" localSheetId="3">#REF!</definedName>
    <definedName name="AE" localSheetId="10">#REF!</definedName>
    <definedName name="AE" localSheetId="1">#REF!</definedName>
    <definedName name="AE">#REF!</definedName>
    <definedName name="AF" localSheetId="3">#REF!</definedName>
    <definedName name="AF" localSheetId="10">#REF!</definedName>
    <definedName name="AF" localSheetId="1">#REF!</definedName>
    <definedName name="AF">#REF!</definedName>
    <definedName name="AG" localSheetId="3">#REF!</definedName>
    <definedName name="AG">#REF!</definedName>
    <definedName name="AH" localSheetId="3">#REF!</definedName>
    <definedName name="AH">#REF!</definedName>
    <definedName name="AI" localSheetId="3">#REF!</definedName>
    <definedName name="AI">#REF!</definedName>
    <definedName name="AIM" localSheetId="3">#REF!</definedName>
    <definedName name="AIM">#REF!</definedName>
    <definedName name="AJ" localSheetId="3">#REF!</definedName>
    <definedName name="AJ">#REF!</definedName>
    <definedName name="Anzen" localSheetId="3">[9]!Anzen</definedName>
    <definedName name="Anzen">[9]!Anzen</definedName>
    <definedName name="AnzenHyouji" localSheetId="3">[9]!AnzenHyouji</definedName>
    <definedName name="AnzenHyouji">[9]!AnzenHyouji</definedName>
    <definedName name="AS" localSheetId="3">#REF!</definedName>
    <definedName name="AS" localSheetId="10">#REF!</definedName>
    <definedName name="AS" localSheetId="1">#REF!</definedName>
    <definedName name="AS">#REF!</definedName>
    <definedName name="ASDVIUI" localSheetId="3">#REF!</definedName>
    <definedName name="ASDVIUI" localSheetId="10">#REF!</definedName>
    <definedName name="ASDVIUI" localSheetId="1">#REF!</definedName>
    <definedName name="ASDVIUI">#REF!</definedName>
    <definedName name="AUTOEXEC" localSheetId="3">#REF!</definedName>
    <definedName name="AUTOEXEC" localSheetId="10">#REF!</definedName>
    <definedName name="AUTOEXEC" localSheetId="1">#REF!</definedName>
    <definedName name="AUTOEXEC">#REF!</definedName>
    <definedName name="B" localSheetId="3">#REF!</definedName>
    <definedName name="B">#REF!</definedName>
    <definedName name="B4OUT" localSheetId="3">#REF!</definedName>
    <definedName name="B4OUT">#REF!</definedName>
    <definedName name="B5OUT" localSheetId="3">#REF!</definedName>
    <definedName name="B5OUT">#REF!</definedName>
    <definedName name="BANGOU" localSheetId="3">#REF!</definedName>
    <definedName name="BANGOU">#REF!</definedName>
    <definedName name="BG" localSheetId="3">#REF!</definedName>
    <definedName name="BG">#REF!</definedName>
    <definedName name="BUN">[4]歩・屋!$E$5:$T$16</definedName>
    <definedName name="B種" localSheetId="3">#REF!</definedName>
    <definedName name="B種" localSheetId="10">#REF!</definedName>
    <definedName name="B種" localSheetId="1">#REF!</definedName>
    <definedName name="B種">#REF!</definedName>
    <definedName name="Ｂ代価" localSheetId="3">#REF!</definedName>
    <definedName name="Ｂ代価" localSheetId="10">#REF!</definedName>
    <definedName name="Ｂ代価" localSheetId="1">#REF!</definedName>
    <definedName name="Ｂ代価">#REF!</definedName>
    <definedName name="C0" localSheetId="3">#REF!</definedName>
    <definedName name="C0" localSheetId="10">#REF!</definedName>
    <definedName name="C0" localSheetId="1">#REF!</definedName>
    <definedName name="C0">#REF!</definedName>
    <definedName name="CC" localSheetId="3">#REF!</definedName>
    <definedName name="CC">#REF!</definedName>
    <definedName name="COUNTER" localSheetId="3">[10]表紙!#REF!</definedName>
    <definedName name="COUNTER">[10]表紙!#REF!</definedName>
    <definedName name="_xlnm.Criteria" localSheetId="3">#REF!</definedName>
    <definedName name="_xlnm.Criteria" localSheetId="10">#REF!</definedName>
    <definedName name="_xlnm.Criteria" localSheetId="1">#REF!</definedName>
    <definedName name="_xlnm.Criteria">#REF!</definedName>
    <definedName name="Criteria_MI" localSheetId="3">#REF!</definedName>
    <definedName name="Criteria_MI" localSheetId="10">#REF!</definedName>
    <definedName name="Criteria_MI" localSheetId="1">#REF!</definedName>
    <definedName name="Criteria_MI">#REF!</definedName>
    <definedName name="CV3C2" localSheetId="3">[11]ｹｰﾌﾞﾙ計!#REF!</definedName>
    <definedName name="CV3C2" localSheetId="10">[11]ｹｰﾌﾞﾙ計!#REF!</definedName>
    <definedName name="CV3C2" localSheetId="1">[11]ｹｰﾌﾞﾙ計!#REF!</definedName>
    <definedName name="CV3C2">[11]ｹｰﾌﾞﾙ計!#REF!</definedName>
    <definedName name="cv3c2_" localSheetId="3">[12]ｹｰﾌﾞﾙ労務!#REF!</definedName>
    <definedName name="cv3c2_" localSheetId="10">[12]ｹｰﾌﾞﾙ労務!#REF!</definedName>
    <definedName name="cv3c2_" localSheetId="1">[12]ｹｰﾌﾞﾙ労務!#REF!</definedName>
    <definedName name="cv3c2_">[12]ｹｰﾌﾞﾙ労務!#REF!</definedName>
    <definedName name="CVVS2C2" localSheetId="3">[11]ｹｰﾌﾞﾙ計!#REF!</definedName>
    <definedName name="CVVS2C2">[11]ｹｰﾌﾞﾙ計!#REF!</definedName>
    <definedName name="ｃｚ" localSheetId="3">#REF!</definedName>
    <definedName name="ｃｚ" localSheetId="10">#REF!</definedName>
    <definedName name="ｃｚ" localSheetId="1">#REF!</definedName>
    <definedName name="ｃｚ">#REF!</definedName>
    <definedName name="Ｃ既存校舎" localSheetId="3">[13]内訳書!#REF!</definedName>
    <definedName name="Ｃ既存校舎" localSheetId="10">[13]内訳書!#REF!</definedName>
    <definedName name="Ｃ既存校舎" localSheetId="1">[13]内訳書!#REF!</definedName>
    <definedName name="Ｃ既存校舎">[13]内訳書!#REF!</definedName>
    <definedName name="C種" localSheetId="3">#REF!</definedName>
    <definedName name="C種" localSheetId="10">#REF!</definedName>
    <definedName name="C種" localSheetId="1">#REF!</definedName>
    <definedName name="C種">#REF!</definedName>
    <definedName name="Ｃ代価" localSheetId="3">#REF!</definedName>
    <definedName name="Ｃ代価" localSheetId="10">#REF!</definedName>
    <definedName name="Ｃ代価" localSheetId="1">#REF!</definedName>
    <definedName name="Ｃ代価">#REF!</definedName>
    <definedName name="Ｃ代価表一覧表" localSheetId="3">#REF!</definedName>
    <definedName name="Ｃ代価表一覧表" localSheetId="10">#REF!</definedName>
    <definedName name="Ｃ代価表一覧表" localSheetId="1">#REF!</definedName>
    <definedName name="Ｃ代価表一覧表">#REF!</definedName>
    <definedName name="D" localSheetId="3">#REF!</definedName>
    <definedName name="D">#REF!</definedName>
    <definedName name="data">[14]一位代価!$1:$1048576</definedName>
    <definedName name="_xlnm.Database" localSheetId="3">#REF!</definedName>
    <definedName name="_xlnm.Database" localSheetId="10">#REF!</definedName>
    <definedName name="_xlnm.Database" localSheetId="1">#REF!</definedName>
    <definedName name="_xlnm.Database">#REF!</definedName>
    <definedName name="Database_MI" localSheetId="3">#REF!</definedName>
    <definedName name="Database_MI" localSheetId="10">#REF!</definedName>
    <definedName name="Database_MI" localSheetId="1">#REF!</definedName>
    <definedName name="Database_MI">#REF!</definedName>
    <definedName name="DD" localSheetId="3">#REF!</definedName>
    <definedName name="DD" localSheetId="10">#REF!</definedName>
    <definedName name="DD" localSheetId="1">#REF!</definedName>
    <definedName name="DD">#REF!</definedName>
    <definedName name="DK">17902</definedName>
    <definedName name="DKT">19100</definedName>
    <definedName name="ＤＳ" localSheetId="3">#REF!</definedName>
    <definedName name="ＤＳ" localSheetId="10">#REF!</definedName>
    <definedName name="ＤＳ" localSheetId="1">#REF!</definedName>
    <definedName name="ＤＳ">#REF!</definedName>
    <definedName name="Dグランド照明" localSheetId="3">[13]内訳書!#REF!</definedName>
    <definedName name="Dグランド照明" localSheetId="10">[13]内訳書!#REF!</definedName>
    <definedName name="Dグランド照明" localSheetId="1">[13]内訳書!#REF!</definedName>
    <definedName name="Dグランド照明">[13]内訳書!#REF!</definedName>
    <definedName name="E" localSheetId="3">#REF!</definedName>
    <definedName name="E" localSheetId="10">#REF!</definedName>
    <definedName name="E" localSheetId="1">#REF!</definedName>
    <definedName name="E">#REF!</definedName>
    <definedName name="EC" localSheetId="3">#REF!</definedName>
    <definedName name="EC" localSheetId="10">#REF!</definedName>
    <definedName name="EC" localSheetId="1">#REF!</definedName>
    <definedName name="EC">#REF!</definedName>
    <definedName name="ED" localSheetId="3">#REF!</definedName>
    <definedName name="ED" localSheetId="10">#REF!</definedName>
    <definedName name="ED" localSheetId="1">#REF!</definedName>
    <definedName name="ED">#REF!</definedName>
    <definedName name="EF" localSheetId="3">#REF!</definedName>
    <definedName name="EF">#REF!</definedName>
    <definedName name="EG" localSheetId="3">#REF!</definedName>
    <definedName name="EG">#REF!</definedName>
    <definedName name="Eizen" localSheetId="3">[9]!Eizen</definedName>
    <definedName name="Eizen">[9]!Eizen</definedName>
    <definedName name="EizenHyouji" localSheetId="3">[9]!EizenHyouji</definedName>
    <definedName name="EizenHyouji">[9]!EizenHyouji</definedName>
    <definedName name="EK" localSheetId="3">#REF!</definedName>
    <definedName name="EK" localSheetId="10">#REF!</definedName>
    <definedName name="EK" localSheetId="1">#REF!</definedName>
    <definedName name="EK">#REF!</definedName>
    <definedName name="ES" localSheetId="3">#REF!</definedName>
    <definedName name="ES" localSheetId="10">#REF!</definedName>
    <definedName name="ES" localSheetId="1">#REF!</definedName>
    <definedName name="ES">#REF!</definedName>
    <definedName name="EV" localSheetId="3">#REF!</definedName>
    <definedName name="EV" localSheetId="10">#REF!</definedName>
    <definedName name="EV" localSheetId="1">#REF!</definedName>
    <definedName name="EV">#REF!</definedName>
    <definedName name="_xlnm.Extract" localSheetId="3">[15]一位代価!#REF!</definedName>
    <definedName name="_xlnm.Extract" localSheetId="10">[15]一位代価!#REF!</definedName>
    <definedName name="_xlnm.Extract" localSheetId="1">[15]一位代価!#REF!</definedName>
    <definedName name="_xlnm.Extract">[15]一位代価!#REF!</definedName>
    <definedName name="Extract_MI" localSheetId="3">#REF!</definedName>
    <definedName name="Extract_MI" localSheetId="10">#REF!</definedName>
    <definedName name="Extract_MI" localSheetId="1">#REF!</definedName>
    <definedName name="Extract_MI">#REF!</definedName>
    <definedName name="F" localSheetId="3">#REF!</definedName>
    <definedName name="F" localSheetId="10">#REF!</definedName>
    <definedName name="F" localSheetId="1">#REF!</definedName>
    <definedName name="F">#REF!</definedName>
    <definedName name="FL">[4]歩・屋!$D$4:$D$43</definedName>
    <definedName name="FNA" localSheetId="3">#REF!</definedName>
    <definedName name="FNA" localSheetId="10">#REF!</definedName>
    <definedName name="FNA" localSheetId="1">#REF!</definedName>
    <definedName name="FNA">#REF!</definedName>
    <definedName name="FOR総括表" localSheetId="3">#REF!</definedName>
    <definedName name="FOR総括表" localSheetId="10">#REF!</definedName>
    <definedName name="FOR総括表" localSheetId="1">#REF!</definedName>
    <definedName name="FOR総括表">#REF!</definedName>
    <definedName name="FS">14522</definedName>
    <definedName name="G" localSheetId="3">#REF!</definedName>
    <definedName name="G" localSheetId="10">#REF!</definedName>
    <definedName name="G" localSheetId="1">#REF!</definedName>
    <definedName name="G">#REF!</definedName>
    <definedName name="G_A0001" localSheetId="10" hidden="1">#REF!</definedName>
    <definedName name="G_A0001" localSheetId="1" hidden="1">#REF!</definedName>
    <definedName name="G_A0001" hidden="1">#REF!</definedName>
    <definedName name="G_A0002" localSheetId="10" hidden="1">#REF!</definedName>
    <definedName name="G_A0002" localSheetId="1" hidden="1">#REF!</definedName>
    <definedName name="G_A0002" hidden="1">#REF!</definedName>
    <definedName name="G_A0003" hidden="1">#REF!</definedName>
    <definedName name="G_A0004" hidden="1">#REF!</definedName>
    <definedName name="G_A0005" hidden="1">#REF!</definedName>
    <definedName name="G_A0006" hidden="1">#REF!</definedName>
    <definedName name="G_A0008" hidden="1">#REF!</definedName>
    <definedName name="G_A0009" hidden="1">#REF!</definedName>
    <definedName name="G_B0001" hidden="1">#REF!</definedName>
    <definedName name="G_B0002" hidden="1">#REF!</definedName>
    <definedName name="G_B0003" hidden="1">#REF!</definedName>
    <definedName name="G_B0004" hidden="1">#REF!</definedName>
    <definedName name="G_B0005" hidden="1">#REF!</definedName>
    <definedName name="G_B0006" hidden="1">#REF!</definedName>
    <definedName name="G_B0007" hidden="1">#REF!</definedName>
    <definedName name="G_B0008" hidden="1">#REF!</definedName>
    <definedName name="G_B0009" hidden="1">#REF!</definedName>
    <definedName name="G_B0010" hidden="1">#REF!</definedName>
    <definedName name="G_B0011" hidden="1">#REF!</definedName>
    <definedName name="G_B0012" hidden="1">#REF!</definedName>
    <definedName name="G_B0015" hidden="1">#REF!</definedName>
    <definedName name="G_B0016" hidden="1">#REF!</definedName>
    <definedName name="G_B0017" hidden="1">#REF!</definedName>
    <definedName name="G_B0018" hidden="1">#REF!</definedName>
    <definedName name="G_B0019" hidden="1">#REF!</definedName>
    <definedName name="G_B0020" hidden="1">#REF!</definedName>
    <definedName name="G_B0021" hidden="1">#REF!</definedName>
    <definedName name="G_B0022" hidden="1">#REF!</definedName>
    <definedName name="G_B0023" hidden="1">#REF!</definedName>
    <definedName name="G_B0024" hidden="1">#REF!</definedName>
    <definedName name="G_B0025" hidden="1">#REF!</definedName>
    <definedName name="G_B0026" hidden="1">#REF!</definedName>
    <definedName name="G_D0001" hidden="1">#REF!</definedName>
    <definedName name="G_D0002" hidden="1">#REF!</definedName>
    <definedName name="G_D0003" hidden="1">#REF!</definedName>
    <definedName name="G_D0004" hidden="1">#REF!</definedName>
    <definedName name="G_D0005" hidden="1">#REF!</definedName>
    <definedName name="G_D0006" hidden="1">#REF!</definedName>
    <definedName name="G_D0007" hidden="1">#REF!</definedName>
    <definedName name="G_D0008" hidden="1">#REF!</definedName>
    <definedName name="G_D0009" hidden="1">#REF!</definedName>
    <definedName name="G_D0010" hidden="1">#REF!</definedName>
    <definedName name="G_D0011" hidden="1">#REF!</definedName>
    <definedName name="G_D0012" hidden="1">#REF!</definedName>
    <definedName name="G_D0013" hidden="1">#REF!</definedName>
    <definedName name="G_D0014" hidden="1">#REF!</definedName>
    <definedName name="G_D0015" hidden="1">#REF!</definedName>
    <definedName name="G_D0016" hidden="1">#REF!</definedName>
    <definedName name="G_D0017" hidden="1">#REF!</definedName>
    <definedName name="G_D0018" hidden="1">#REF!</definedName>
    <definedName name="G_D0019" hidden="1">#REF!</definedName>
    <definedName name="G_D0020" hidden="1">#REF!</definedName>
    <definedName name="G_D0021" hidden="1">#REF!</definedName>
    <definedName name="G_D0022" hidden="1">#REF!</definedName>
    <definedName name="G_D0023" hidden="1">#REF!</definedName>
    <definedName name="G_D0024" hidden="1">#REF!</definedName>
    <definedName name="G_D0025" hidden="1">#REF!</definedName>
    <definedName name="G_D0026" hidden="1">#REF!</definedName>
    <definedName name="G_D0027" hidden="1">#REF!</definedName>
    <definedName name="G_D0028" hidden="1">#REF!</definedName>
    <definedName name="G_D0029" hidden="1">#REF!</definedName>
    <definedName name="G_D0031" hidden="1">#REF!</definedName>
    <definedName name="G_D0033" hidden="1">#REF!</definedName>
    <definedName name="G_D0034" hidden="1">#REF!</definedName>
    <definedName name="G_D0035" hidden="1">#REF!</definedName>
    <definedName name="G_D0036" hidden="1">#REF!</definedName>
    <definedName name="G_D0038" hidden="1">#REF!</definedName>
    <definedName name="G_D0039" hidden="1">#REF!</definedName>
    <definedName name="G_D0040" hidden="1">#REF!</definedName>
    <definedName name="G_D0041" hidden="1">#REF!</definedName>
    <definedName name="G_D0042" hidden="1">#REF!</definedName>
    <definedName name="G_D0043" hidden="1">#REF!</definedName>
    <definedName name="G_D0044" hidden="1">#REF!</definedName>
    <definedName name="G_D0045" hidden="1">#REF!</definedName>
    <definedName name="G_D0046" hidden="1">#REF!</definedName>
    <definedName name="G_D0047" hidden="1">#REF!</definedName>
    <definedName name="G_D0048" hidden="1">#REF!</definedName>
    <definedName name="G_D0049" hidden="1">#REF!</definedName>
    <definedName name="G_D0050" hidden="1">#REF!</definedName>
    <definedName name="G_D0051" hidden="1">#REF!</definedName>
    <definedName name="G_D0052" hidden="1">#REF!</definedName>
    <definedName name="G_D0053" hidden="1">#REF!</definedName>
    <definedName name="G_D0054" hidden="1">#REF!</definedName>
    <definedName name="G_D0055" hidden="1">#REF!</definedName>
    <definedName name="G_D0056" hidden="1">#REF!</definedName>
    <definedName name="G_D0057" hidden="1">#REF!</definedName>
    <definedName name="G_D0058" hidden="1">#REF!</definedName>
    <definedName name="G_D0059" hidden="1">#REF!</definedName>
    <definedName name="G_D0060" hidden="1">#REF!</definedName>
    <definedName name="G_D0061" hidden="1">#REF!</definedName>
    <definedName name="G_D0062" hidden="1">#REF!</definedName>
    <definedName name="G_D0063" hidden="1">#REF!</definedName>
    <definedName name="G_D0076" hidden="1">#REF!</definedName>
    <definedName name="G_D0077" hidden="1">#REF!</definedName>
    <definedName name="G_D0078" hidden="1">#REF!</definedName>
    <definedName name="G_D0079" hidden="1">#REF!</definedName>
    <definedName name="G_D0081" hidden="1">#REF!</definedName>
    <definedName name="G_D0083" hidden="1">#REF!</definedName>
    <definedName name="G_D0084" hidden="1">#REF!</definedName>
    <definedName name="G_D0085" hidden="1">#REF!</definedName>
    <definedName name="G_D0086" hidden="1">#REF!</definedName>
    <definedName name="G_D0087" hidden="1">#REF!</definedName>
    <definedName name="G_D0088" hidden="1">#REF!</definedName>
    <definedName name="G_D0089" hidden="1">#REF!</definedName>
    <definedName name="G_D0090" hidden="1">#REF!</definedName>
    <definedName name="G_D0091" hidden="1">#REF!</definedName>
    <definedName name="G_D0092" hidden="1">#REF!</definedName>
    <definedName name="G_D0093" hidden="1">#REF!</definedName>
    <definedName name="G_D0094" hidden="1">#REF!</definedName>
    <definedName name="G_D0095" hidden="1">#REF!</definedName>
    <definedName name="G_D0099" hidden="1">#REF!</definedName>
    <definedName name="G_D0102" hidden="1">#REF!</definedName>
    <definedName name="G_D0103" hidden="1">#REF!</definedName>
    <definedName name="G_D0104" hidden="1">#REF!</definedName>
    <definedName name="G_D0105" hidden="1">#REF!</definedName>
    <definedName name="G_D0107" hidden="1">#REF!</definedName>
    <definedName name="G_D0109" hidden="1">#REF!</definedName>
    <definedName name="G_D0110" hidden="1">#REF!</definedName>
    <definedName name="G_D0111" hidden="1">#REF!</definedName>
    <definedName name="G_D0112" hidden="1">#REF!</definedName>
    <definedName name="G_D0113" hidden="1">#REF!</definedName>
    <definedName name="G_D0114" hidden="1">#REF!</definedName>
    <definedName name="G_D0115" hidden="1">#REF!</definedName>
    <definedName name="G_D0116" hidden="1">#REF!</definedName>
    <definedName name="G_D0117" hidden="1">#REF!</definedName>
    <definedName name="G_D0118" hidden="1">#REF!</definedName>
    <definedName name="G_D0119" hidden="1">#REF!</definedName>
    <definedName name="G_D0121" hidden="1">#REF!</definedName>
    <definedName name="G_D0122" hidden="1">#REF!</definedName>
    <definedName name="G_D0123" hidden="1">#REF!</definedName>
    <definedName name="G_F0001" hidden="1">#REF!</definedName>
    <definedName name="G_F0002" hidden="1">#REF!</definedName>
    <definedName name="GenbaKanri" localSheetId="3">[9]!GenbaKanri</definedName>
    <definedName name="GenbaKanri">[9]!GenbaKanri</definedName>
    <definedName name="GenbaKanriHyouji" localSheetId="3">[9]!GenbaKanriHyouji</definedName>
    <definedName name="GenbaKanriHyouji">[9]!GenbaKanriHyouji</definedName>
    <definedName name="ＧＴ">[4]歩・屋!$W$12</definedName>
    <definedName name="H" localSheetId="3">#REF!</definedName>
    <definedName name="H" localSheetId="10">#REF!</definedName>
    <definedName name="H" localSheetId="1">#REF!</definedName>
    <definedName name="H">#REF!</definedName>
    <definedName name="HH" localSheetId="3">#REF!</definedName>
    <definedName name="HH" localSheetId="10">#REF!</definedName>
    <definedName name="HH" localSheetId="1">#REF!</definedName>
    <definedName name="HH">#REF!</definedName>
    <definedName name="ｈｈｈ">[4]歩・屋!$W$13</definedName>
    <definedName name="HK">17902</definedName>
    <definedName name="HOKAN" localSheetId="3">#REF!</definedName>
    <definedName name="HOKAN" localSheetId="10">#REF!</definedName>
    <definedName name="HOKAN" localSheetId="1">#REF!</definedName>
    <definedName name="HOKAN">#REF!</definedName>
    <definedName name="HS">0.2</definedName>
    <definedName name="HYOU" localSheetId="3">#REF!</definedName>
    <definedName name="HYOU" localSheetId="10">#REF!</definedName>
    <definedName name="HYOU" localSheetId="1">#REF!</definedName>
    <definedName name="HYOU">#REF!</definedName>
    <definedName name="HYOU1" localSheetId="3">#REF!</definedName>
    <definedName name="HYOU1" localSheetId="10">#REF!</definedName>
    <definedName name="HYOU1" localSheetId="1">#REF!</definedName>
    <definedName name="HYOU1">#REF!</definedName>
    <definedName name="I" localSheetId="3">#REF!</definedName>
    <definedName name="I" localSheetId="10">#REF!</definedName>
    <definedName name="I" localSheetId="1">#REF!</definedName>
    <definedName name="I">#REF!</definedName>
    <definedName name="IAS" localSheetId="3">#REF!</definedName>
    <definedName name="IAS">#REF!</definedName>
    <definedName name="iii" localSheetId="10" hidden="1">{"設定1",#N/A,FALSE,"第5号-1";"設定2",#N/A,FALSE,"第5号-1"}</definedName>
    <definedName name="iii" localSheetId="1" hidden="1">{"設定1",#N/A,FALSE,"第5号-1";"設定2",#N/A,FALSE,"第5号-1"}</definedName>
    <definedName name="iii" hidden="1">{"設定1",#N/A,FALSE,"第5号-1";"設定2",#N/A,FALSE,"第5号-1"}</definedName>
    <definedName name="IN_KNN" localSheetId="3">#REF!</definedName>
    <definedName name="IN_KNN" localSheetId="10">#REF!</definedName>
    <definedName name="IN_KNN" localSheetId="1">#REF!</definedName>
    <definedName name="IN_KNN">#REF!</definedName>
    <definedName name="int" localSheetId="3">#REF!</definedName>
    <definedName name="int" localSheetId="10">#REF!</definedName>
    <definedName name="int" localSheetId="1">#REF!</definedName>
    <definedName name="int">#REF!</definedName>
    <definedName name="IppanKanri" localSheetId="3">[9]!IppanKanri</definedName>
    <definedName name="IppanKanri">[9]!IppanKanri</definedName>
    <definedName name="IppanKanriHyouji" localSheetId="3">[9]!IppanKanriHyouji</definedName>
    <definedName name="IppanKanriHyouji">[9]!IppanKanriHyouji</definedName>
    <definedName name="J" localSheetId="3">#REF!</definedName>
    <definedName name="J" localSheetId="10">#REF!</definedName>
    <definedName name="J" localSheetId="1">#REF!</definedName>
    <definedName name="J">#REF!</definedName>
    <definedName name="Junbi" localSheetId="3">[9]!Junbi</definedName>
    <definedName name="Junbi">[9]!Junbi</definedName>
    <definedName name="JunbiHyouji" localSheetId="3">[9]!JunbiHyouji</definedName>
    <definedName name="JunbiHyouji">[9]!JunbiHyouji</definedName>
    <definedName name="Ｋ" localSheetId="3">#REF!</definedName>
    <definedName name="Ｋ" localSheetId="10">#REF!</definedName>
    <definedName name="Ｋ" localSheetId="1">#REF!</definedName>
    <definedName name="Ｋ">#REF!</definedName>
    <definedName name="K_0" localSheetId="10" hidden="1">#REF!</definedName>
    <definedName name="K_0" localSheetId="1" hidden="1">#REF!</definedName>
    <definedName name="K_0" hidden="1">#REF!</definedName>
    <definedName name="KH">22720</definedName>
    <definedName name="KHK">0</definedName>
    <definedName name="kkk" localSheetId="3">[16]入力一般管理!#REF!</definedName>
    <definedName name="kkk" localSheetId="10">[16]入力一般管理!#REF!</definedName>
    <definedName name="kkk" localSheetId="1">[16]入力一般管理!#REF!</definedName>
    <definedName name="kkk">[16]入力一般管理!#REF!</definedName>
    <definedName name="kkkkk" localSheetId="10" hidden="1">{"設定1",#N/A,FALSE,"第5号-1";"設定2",#N/A,FALSE,"第5号-1"}</definedName>
    <definedName name="kkkkk" localSheetId="1" hidden="1">{"設定1",#N/A,FALSE,"第5号-1";"設定2",#N/A,FALSE,"第5号-1"}</definedName>
    <definedName name="kkkkk" hidden="1">{"設定1",#N/A,FALSE,"第5号-1";"設定2",#N/A,FALSE,"第5号-1"}</definedName>
    <definedName name="KR" localSheetId="3">#REF!</definedName>
    <definedName name="KR" localSheetId="10">#REF!</definedName>
    <definedName name="KR" localSheetId="1">#REF!</definedName>
    <definedName name="KR">#REF!</definedName>
    <definedName name="KS">0.18</definedName>
    <definedName name="kt">'[17]代価表 '!$Z$4</definedName>
    <definedName name="ｌ" localSheetId="3">[18]!印刷</definedName>
    <definedName name="ｌ">[18]!印刷</definedName>
    <definedName name="L3554Ｌ３０００" localSheetId="3">#REF!</definedName>
    <definedName name="L3554Ｌ３０００" localSheetId="10">#REF!</definedName>
    <definedName name="L3554Ｌ３０００" localSheetId="1">#REF!</definedName>
    <definedName name="L3554Ｌ３０００">#REF!</definedName>
    <definedName name="LL" localSheetId="3">#REF!</definedName>
    <definedName name="LL" localSheetId="10">#REF!</definedName>
    <definedName name="LL" localSheetId="1">#REF!</definedName>
    <definedName name="LL">#REF!</definedName>
    <definedName name="LOOPN" localSheetId="3">[10]表紙!#REF!</definedName>
    <definedName name="LOOPN" localSheetId="10">[10]表紙!#REF!</definedName>
    <definedName name="LOOPN" localSheetId="1">[10]表紙!#REF!</definedName>
    <definedName name="LOOPN">[10]表紙!#REF!</definedName>
    <definedName name="LOOPS" localSheetId="3">[10]表紙!#REF!</definedName>
    <definedName name="LOOPS" localSheetId="10">[10]表紙!#REF!</definedName>
    <definedName name="LOOPS" localSheetId="1">[10]表紙!#REF!</definedName>
    <definedName name="LOOPS">[10]表紙!#REF!</definedName>
    <definedName name="LOOP入" localSheetId="3">[10]表紙!#REF!</definedName>
    <definedName name="LOOP入" localSheetId="10">[10]表紙!#REF!</definedName>
    <definedName name="LOOP入" localSheetId="1">[10]表紙!#REF!</definedName>
    <definedName name="LOOP入">[10]表紙!#REF!</definedName>
    <definedName name="LOOP抜" localSheetId="3">[10]表紙!#REF!</definedName>
    <definedName name="LOOP抜" localSheetId="10">[10]表紙!#REF!</definedName>
    <definedName name="LOOP抜" localSheetId="1">[10]表紙!#REF!</definedName>
    <definedName name="LOOP抜">[10]表紙!#REF!</definedName>
    <definedName name="Ｍ" localSheetId="3">#REF!</definedName>
    <definedName name="Ｍ" localSheetId="10">#REF!</definedName>
    <definedName name="Ｍ" localSheetId="1">#REF!</definedName>
    <definedName name="Ｍ">#REF!</definedName>
    <definedName name="MENUA" localSheetId="3">[10]表紙!#REF!</definedName>
    <definedName name="MENUA" localSheetId="10">[10]表紙!#REF!</definedName>
    <definedName name="MENUA" localSheetId="1">[10]表紙!#REF!</definedName>
    <definedName name="MENUA">[10]表紙!#REF!</definedName>
    <definedName name="MENUB" localSheetId="3">[10]表紙!#REF!</definedName>
    <definedName name="MENUB" localSheetId="10">[10]表紙!#REF!</definedName>
    <definedName name="MENUB" localSheetId="1">[10]表紙!#REF!</definedName>
    <definedName name="MENUB">[10]表紙!#REF!</definedName>
    <definedName name="MENUE" localSheetId="3">[10]表紙!#REF!</definedName>
    <definedName name="MENUE" localSheetId="10">[10]表紙!#REF!</definedName>
    <definedName name="MENUE" localSheetId="1">[10]表紙!#REF!</definedName>
    <definedName name="MENUE">[10]表紙!#REF!</definedName>
    <definedName name="MENUP" localSheetId="3">[10]表紙!#REF!</definedName>
    <definedName name="MENUP">[10]表紙!#REF!</definedName>
    <definedName name="MENUP2" localSheetId="3">[10]表紙!#REF!</definedName>
    <definedName name="MENUP2">[10]表紙!#REF!</definedName>
    <definedName name="MI" localSheetId="3">#REF!</definedName>
    <definedName name="MI" localSheetId="10">#REF!</definedName>
    <definedName name="MI" localSheetId="1">#REF!</definedName>
    <definedName name="MI">#REF!</definedName>
    <definedName name="mm" localSheetId="3">[5]表紙!#REF!</definedName>
    <definedName name="mm" localSheetId="10">[5]表紙!#REF!</definedName>
    <definedName name="mm" localSheetId="1">[5]表紙!#REF!</definedName>
    <definedName name="mm">[5]表紙!#REF!</definedName>
    <definedName name="MP">17902</definedName>
    <definedName name="MT">2040</definedName>
    <definedName name="n" localSheetId="3">#REF!</definedName>
    <definedName name="n" localSheetId="10">#REF!</definedName>
    <definedName name="n" localSheetId="1">#REF!</definedName>
    <definedName name="n">#REF!</definedName>
    <definedName name="NAIYOU" localSheetId="3">#REF!</definedName>
    <definedName name="NAIYOU" localSheetId="10">#REF!</definedName>
    <definedName name="NAIYOU" localSheetId="1">#REF!</definedName>
    <definedName name="NAIYOU">#REF!</definedName>
    <definedName name="NL" localSheetId="3">#REF!</definedName>
    <definedName name="NL" localSheetId="10">#REF!</definedName>
    <definedName name="NL" localSheetId="1">#REF!</definedName>
    <definedName name="NL">#REF!</definedName>
    <definedName name="NO.0_NO.9" localSheetId="3">#REF!</definedName>
    <definedName name="NO.0_NO.9">#REF!</definedName>
    <definedName name="NO.105_NO.118" localSheetId="3">#REF!</definedName>
    <definedName name="NO.105_NO.118">#REF!</definedName>
    <definedName name="NO.23_NO.37" localSheetId="3">#REF!</definedName>
    <definedName name="NO.23_NO.37">#REF!</definedName>
    <definedName name="NO.37_NO.105" localSheetId="3">#REF!</definedName>
    <definedName name="NO.37_NO.105">#REF!</definedName>
    <definedName name="NO.9_NO.23" localSheetId="3">#REF!</definedName>
    <definedName name="NO.9_NO.23">#REF!</definedName>
    <definedName name="NV">'[17]代価表 '!$Z$2</definedName>
    <definedName name="P">'[17]代価表 '!$Z$6</definedName>
    <definedName name="P_1" localSheetId="10" hidden="1">#REF!</definedName>
    <definedName name="P_1" localSheetId="1" hidden="1">#REF!</definedName>
    <definedName name="P_1" hidden="1">#REF!</definedName>
    <definedName name="P_10" localSheetId="10" hidden="1">#REF!</definedName>
    <definedName name="P_10" localSheetId="1" hidden="1">#REF!</definedName>
    <definedName name="P_10" hidden="1">#REF!</definedName>
    <definedName name="P_100" localSheetId="10" hidden="1">#REF!</definedName>
    <definedName name="P_100" localSheetId="1" hidden="1">#REF!</definedName>
    <definedName name="P_100" hidden="1">#REF!</definedName>
    <definedName name="P_101" hidden="1">#REF!</definedName>
    <definedName name="P_102" hidden="1">#REF!</definedName>
    <definedName name="P_103" hidden="1">#REF!</definedName>
    <definedName name="P_104" hidden="1">#REF!</definedName>
    <definedName name="P_105" hidden="1">#REF!</definedName>
    <definedName name="P_106" hidden="1">#REF!</definedName>
    <definedName name="P_107" hidden="1">#REF!</definedName>
    <definedName name="P_108" hidden="1">#REF!</definedName>
    <definedName name="P_109" hidden="1">#REF!</definedName>
    <definedName name="P_11" hidden="1">#REF!</definedName>
    <definedName name="P_110" hidden="1">#REF!</definedName>
    <definedName name="P_111" hidden="1">#REF!</definedName>
    <definedName name="P_112" hidden="1">#REF!</definedName>
    <definedName name="P_113" hidden="1">#REF!</definedName>
    <definedName name="P_114" hidden="1">#REF!</definedName>
    <definedName name="P_115" hidden="1">#REF!</definedName>
    <definedName name="P_116" hidden="1">#REF!</definedName>
    <definedName name="P_117" hidden="1">#REF!</definedName>
    <definedName name="P_118" hidden="1">#REF!</definedName>
    <definedName name="P_119" hidden="1">#REF!</definedName>
    <definedName name="P_12" hidden="1">#REF!</definedName>
    <definedName name="P_120" hidden="1">#REF!</definedName>
    <definedName name="P_121" hidden="1">#REF!</definedName>
    <definedName name="P_122" hidden="1">#REF!</definedName>
    <definedName name="P_123" hidden="1">#REF!</definedName>
    <definedName name="P_124" hidden="1">#REF!</definedName>
    <definedName name="P_125" hidden="1">#REF!</definedName>
    <definedName name="P_126" hidden="1">#REF!</definedName>
    <definedName name="P_127" hidden="1">#REF!</definedName>
    <definedName name="P_128" hidden="1">#REF!</definedName>
    <definedName name="P_129" hidden="1">#REF!</definedName>
    <definedName name="P_13" hidden="1">#REF!</definedName>
    <definedName name="P_130" hidden="1">#REF!</definedName>
    <definedName name="P_131" hidden="1">#REF!</definedName>
    <definedName name="P_132" hidden="1">#REF!</definedName>
    <definedName name="P_133" hidden="1">#REF!</definedName>
    <definedName name="P_134" hidden="1">#REF!</definedName>
    <definedName name="P_135" hidden="1">#REF!</definedName>
    <definedName name="P_136" hidden="1">#REF!</definedName>
    <definedName name="P_137" hidden="1">#REF!</definedName>
    <definedName name="P_138" hidden="1">#REF!</definedName>
    <definedName name="P_139" hidden="1">#REF!</definedName>
    <definedName name="P_14" hidden="1">#REF!</definedName>
    <definedName name="P_140" hidden="1">#REF!</definedName>
    <definedName name="P_141" hidden="1">#REF!</definedName>
    <definedName name="P_142" hidden="1">#REF!</definedName>
    <definedName name="P_143" hidden="1">#REF!</definedName>
    <definedName name="P_144" hidden="1">#REF!</definedName>
    <definedName name="P_145" hidden="1">#REF!</definedName>
    <definedName name="P_146" hidden="1">#REF!</definedName>
    <definedName name="P_147" hidden="1">#REF!</definedName>
    <definedName name="P_15" hidden="1">#REF!</definedName>
    <definedName name="P_16" hidden="1">#REF!</definedName>
    <definedName name="P_17" hidden="1">#REF!</definedName>
    <definedName name="P_18" hidden="1">#REF!</definedName>
    <definedName name="P_19" hidden="1">#REF!</definedName>
    <definedName name="P_2" hidden="1">#REF!</definedName>
    <definedName name="P_20" hidden="1">#REF!</definedName>
    <definedName name="P_21" hidden="1">#REF!</definedName>
    <definedName name="P_22" hidden="1">#REF!</definedName>
    <definedName name="P_23" hidden="1">#REF!</definedName>
    <definedName name="P_24" hidden="1">#REF!</definedName>
    <definedName name="P_25" hidden="1">#REF!</definedName>
    <definedName name="P_26" hidden="1">#REF!</definedName>
    <definedName name="P_27" hidden="1">#REF!</definedName>
    <definedName name="P_28" hidden="1">#REF!</definedName>
    <definedName name="P_29" hidden="1">#REF!</definedName>
    <definedName name="P_3" hidden="1">#REF!</definedName>
    <definedName name="P_30" hidden="1">#REF!</definedName>
    <definedName name="P_31" hidden="1">#REF!</definedName>
    <definedName name="P_32" hidden="1">#REF!</definedName>
    <definedName name="P_33" hidden="1">#REF!</definedName>
    <definedName name="P_34" hidden="1">#REF!</definedName>
    <definedName name="P_35" hidden="1">#REF!</definedName>
    <definedName name="P_36" hidden="1">#REF!</definedName>
    <definedName name="P_37" hidden="1">#REF!</definedName>
    <definedName name="P_38" hidden="1">#REF!</definedName>
    <definedName name="P_39" hidden="1">#REF!</definedName>
    <definedName name="P_4" hidden="1">#REF!</definedName>
    <definedName name="P_40" hidden="1">#REF!</definedName>
    <definedName name="P_41" hidden="1">#REF!</definedName>
    <definedName name="P_42" hidden="1">#REF!</definedName>
    <definedName name="P_43" hidden="1">#REF!</definedName>
    <definedName name="P_44" hidden="1">#REF!</definedName>
    <definedName name="P_45" hidden="1">#REF!</definedName>
    <definedName name="P_46" hidden="1">#REF!</definedName>
    <definedName name="P_47" hidden="1">#REF!</definedName>
    <definedName name="P_48" hidden="1">#REF!</definedName>
    <definedName name="P_49" hidden="1">#REF!</definedName>
    <definedName name="P_5" hidden="1">#REF!</definedName>
    <definedName name="P_50" hidden="1">#REF!</definedName>
    <definedName name="P_51" hidden="1">#REF!</definedName>
    <definedName name="P_52" hidden="1">#REF!</definedName>
    <definedName name="P_53" hidden="1">#REF!</definedName>
    <definedName name="P_54" hidden="1">#REF!</definedName>
    <definedName name="P_55" hidden="1">#REF!</definedName>
    <definedName name="P_56" hidden="1">#REF!</definedName>
    <definedName name="P_57" hidden="1">#REF!</definedName>
    <definedName name="P_58" hidden="1">#REF!</definedName>
    <definedName name="P_59" hidden="1">#REF!</definedName>
    <definedName name="P_6" hidden="1">#REF!</definedName>
    <definedName name="P_60" hidden="1">#REF!</definedName>
    <definedName name="P_61" hidden="1">#REF!</definedName>
    <definedName name="P_62" hidden="1">#REF!</definedName>
    <definedName name="P_63" hidden="1">#REF!</definedName>
    <definedName name="P_64" hidden="1">#REF!</definedName>
    <definedName name="P_65" hidden="1">#REF!</definedName>
    <definedName name="P_66" hidden="1">#REF!</definedName>
    <definedName name="P_67" hidden="1">#REF!</definedName>
    <definedName name="P_68" hidden="1">#REF!</definedName>
    <definedName name="P_69" hidden="1">#REF!</definedName>
    <definedName name="P_7" hidden="1">#REF!</definedName>
    <definedName name="P_70" hidden="1">#REF!</definedName>
    <definedName name="P_71" hidden="1">#REF!</definedName>
    <definedName name="P_72" hidden="1">#REF!</definedName>
    <definedName name="P_73" hidden="1">#REF!</definedName>
    <definedName name="P_74" hidden="1">#REF!</definedName>
    <definedName name="P_75" hidden="1">#REF!</definedName>
    <definedName name="P_76" hidden="1">#REF!</definedName>
    <definedName name="P_77" hidden="1">#REF!</definedName>
    <definedName name="P_78" hidden="1">#REF!</definedName>
    <definedName name="P_79" hidden="1">#REF!</definedName>
    <definedName name="P_8" hidden="1">#REF!</definedName>
    <definedName name="P_80" hidden="1">#REF!</definedName>
    <definedName name="P_81" hidden="1">#REF!</definedName>
    <definedName name="P_82" hidden="1">#REF!</definedName>
    <definedName name="P_83" hidden="1">#REF!</definedName>
    <definedName name="P_84" hidden="1">#REF!</definedName>
    <definedName name="P_85" hidden="1">#REF!</definedName>
    <definedName name="P_86" hidden="1">#REF!</definedName>
    <definedName name="P_87" hidden="1">#REF!</definedName>
    <definedName name="P_88" hidden="1">#REF!</definedName>
    <definedName name="P_89" hidden="1">#REF!</definedName>
    <definedName name="P_9" hidden="1">#REF!</definedName>
    <definedName name="P_90" hidden="1">#REF!</definedName>
    <definedName name="P_91" hidden="1">#REF!</definedName>
    <definedName name="P_92" hidden="1">#REF!</definedName>
    <definedName name="P_93" hidden="1">#REF!</definedName>
    <definedName name="P_94" hidden="1">#REF!</definedName>
    <definedName name="P_95" hidden="1">#REF!</definedName>
    <definedName name="P_96" hidden="1">#REF!</definedName>
    <definedName name="P_97" hidden="1">#REF!</definedName>
    <definedName name="P_98" hidden="1">#REF!</definedName>
    <definedName name="P_99" hidden="1">#REF!</definedName>
    <definedName name="PBOX200" localSheetId="3">[11]ｹｰﾌﾞﾙ計!#REF!</definedName>
    <definedName name="PBOX200">[11]ｹｰﾌﾞﾙ計!#REF!</definedName>
    <definedName name="PE管28" localSheetId="3">[11]ｹｰﾌﾞﾙ計!#REF!</definedName>
    <definedName name="PE管28">[11]ｹｰﾌﾞﾙ計!#REF!</definedName>
    <definedName name="PE管42" localSheetId="3">[11]ｹｰﾌﾞﾙ計!#REF!</definedName>
    <definedName name="PE管42">[11]ｹｰﾌﾞﾙ計!#REF!</definedName>
    <definedName name="PMI" localSheetId="3">#REF!</definedName>
    <definedName name="PMI" localSheetId="10">#REF!</definedName>
    <definedName name="PMI" localSheetId="1">#REF!</definedName>
    <definedName name="PMI">#REF!</definedName>
    <definedName name="po" localSheetId="3">#REF!</definedName>
    <definedName name="po" localSheetId="10">#REF!</definedName>
    <definedName name="po" localSheetId="1">#REF!</definedName>
    <definedName name="po">#REF!</definedName>
    <definedName name="PP">0.8</definedName>
    <definedName name="PR_KBN" localSheetId="3">#REF!</definedName>
    <definedName name="PR_KBN" localSheetId="10">#REF!</definedName>
    <definedName name="PR_KBN" localSheetId="1">#REF!</definedName>
    <definedName name="PR_KBN">#REF!</definedName>
    <definedName name="PR_MSG" localSheetId="3">#REF!</definedName>
    <definedName name="PR_MSG" localSheetId="10">#REF!</definedName>
    <definedName name="PR_MSG" localSheetId="1">#REF!</definedName>
    <definedName name="PR_MSG">#REF!</definedName>
    <definedName name="PRI" localSheetId="3">#REF!</definedName>
    <definedName name="PRI" localSheetId="10">#REF!</definedName>
    <definedName name="PRI" localSheetId="1">#REF!</definedName>
    <definedName name="PRI">#REF!</definedName>
    <definedName name="PRINT" localSheetId="3">#REF!</definedName>
    <definedName name="PRINT">#REF!</definedName>
    <definedName name="_xlnm.Print_Area" localSheetId="3">PM一式内訳書!$D$4:$O$241</definedName>
    <definedName name="_xlnm.Print_Area" localSheetId="2">PM機械明細書!$D$4:$O$123</definedName>
    <definedName name="_xlnm.Print_Area" localSheetId="10">施工条件明示一覧表!$A$1:$BI$154</definedName>
    <definedName name="_xlnm.Print_Area" localSheetId="0">設計書!$A$1:$N$22</definedName>
    <definedName name="_xlnm.Print_Area" localSheetId="1">内訳書!$A$1:$K$93</definedName>
    <definedName name="_xlnm.Print_Area">#REF!</definedName>
    <definedName name="Print_Area_MI" localSheetId="3">#REF!</definedName>
    <definedName name="Print_Area_MI" localSheetId="10">#REF!</definedName>
    <definedName name="Print_Area_MI" localSheetId="1">#REF!</definedName>
    <definedName name="Print_Area_MI">#REF!</definedName>
    <definedName name="Print_Area１" localSheetId="3">#REF!</definedName>
    <definedName name="Print_Area１" localSheetId="10">#REF!</definedName>
    <definedName name="Print_Area１" localSheetId="1">#REF!</definedName>
    <definedName name="Print_Area１">#REF!</definedName>
    <definedName name="Print_Area２" localSheetId="3">[19]消火栓材料表!#REF!</definedName>
    <definedName name="Print_Area２" localSheetId="10">[19]消火栓材料表!#REF!</definedName>
    <definedName name="Print_Area２" localSheetId="1">[19]消火栓材料表!#REF!</definedName>
    <definedName name="Print_Area２">[19]消火栓材料表!#REF!</definedName>
    <definedName name="Print_Area3" localSheetId="3">#REF!</definedName>
    <definedName name="Print_Area3" localSheetId="10">#REF!</definedName>
    <definedName name="Print_Area3" localSheetId="1">#REF!</definedName>
    <definedName name="Print_Area3">#REF!</definedName>
    <definedName name="Print_Area4" localSheetId="3">#REF!</definedName>
    <definedName name="Print_Area4" localSheetId="10">#REF!</definedName>
    <definedName name="Print_Area4" localSheetId="1">#REF!</definedName>
    <definedName name="Print_Area4">#REF!</definedName>
    <definedName name="Print_Area5" localSheetId="3">#REF!</definedName>
    <definedName name="Print_Area5" localSheetId="10">#REF!</definedName>
    <definedName name="Print_Area5" localSheetId="1">#REF!</definedName>
    <definedName name="Print_Area5">#REF!</definedName>
    <definedName name="_xlnm.Print_Titles" localSheetId="3">PM一式内訳書!$1:$3</definedName>
    <definedName name="_xlnm.Print_Titles" localSheetId="2">PM機械明細書!$1:$3</definedName>
    <definedName name="_xlnm.Print_Titles" localSheetId="10">施工条件明示一覧表!$1:$1</definedName>
    <definedName name="_xlnm.Print_Titles" localSheetId="1">内訳書!$1:$3</definedName>
    <definedName name="_xlnm.Print_Titles">#REF!</definedName>
    <definedName name="PRINT_TITLES_MI" localSheetId="3">#REF!</definedName>
    <definedName name="PRINT_TITLES_MI" localSheetId="10">#REF!</definedName>
    <definedName name="PRINT_TITLES_MI" localSheetId="1">#REF!</definedName>
    <definedName name="PRINT_TITLES_MI">#REF!</definedName>
    <definedName name="prn" localSheetId="3">#REF!</definedName>
    <definedName name="prn" localSheetId="10">#REF!</definedName>
    <definedName name="prn" localSheetId="1">#REF!</definedName>
    <definedName name="prn">#REF!</definedName>
    <definedName name="Q" localSheetId="3">#REF!</definedName>
    <definedName name="Q">#REF!</definedName>
    <definedName name="QD" localSheetId="3">#REF!</definedName>
    <definedName name="QD">#REF!</definedName>
    <definedName name="QH" localSheetId="3">#REF!</definedName>
    <definedName name="QH">#REF!</definedName>
    <definedName name="qwu" localSheetId="10" hidden="1">{"設定1",#N/A,FALSE,"第5号-1";"設定2",#N/A,FALSE,"第5号-1"}</definedName>
    <definedName name="qwu" localSheetId="1" hidden="1">{"設定1",#N/A,FALSE,"第5号-1";"設定2",#N/A,FALSE,"第5号-1"}</definedName>
    <definedName name="qwu" hidden="1">{"設定1",#N/A,FALSE,"第5号-1";"設定2",#N/A,FALSE,"第5号-1"}</definedName>
    <definedName name="RE" localSheetId="3">#REF!</definedName>
    <definedName name="RE" localSheetId="10">#REF!</definedName>
    <definedName name="RE" localSheetId="1">#REF!</definedName>
    <definedName name="RE">#REF!</definedName>
    <definedName name="RENP" localSheetId="3">#REF!</definedName>
    <definedName name="RENP" localSheetId="10">#REF!</definedName>
    <definedName name="RENP" localSheetId="1">#REF!</definedName>
    <definedName name="RENP">#REF!</definedName>
    <definedName name="RF" localSheetId="3">#REF!</definedName>
    <definedName name="RF" localSheetId="10">#REF!</definedName>
    <definedName name="RF" localSheetId="1">#REF!</definedName>
    <definedName name="RF">#REF!</definedName>
    <definedName name="ro">'[4]拾・幹線(屋)'!$O$10</definedName>
    <definedName name="RS" localSheetId="3">#REF!</definedName>
    <definedName name="RS" localSheetId="10">#REF!</definedName>
    <definedName name="RS" localSheetId="1">#REF!</definedName>
    <definedName name="RS">#REF!</definedName>
    <definedName name="RUM" localSheetId="3">#REF!</definedName>
    <definedName name="RUM" localSheetId="10">#REF!</definedName>
    <definedName name="RUM" localSheetId="1">#REF!</definedName>
    <definedName name="RUM">#REF!</definedName>
    <definedName name="RV" localSheetId="3">#REF!</definedName>
    <definedName name="RV" localSheetId="10">#REF!</definedName>
    <definedName name="RV" localSheetId="1">#REF!</definedName>
    <definedName name="RV">#REF!</definedName>
    <definedName name="s" localSheetId="3">#REF!</definedName>
    <definedName name="s">#REF!</definedName>
    <definedName name="SAB" localSheetId="3">#REF!</definedName>
    <definedName name="SAB">#REF!</definedName>
    <definedName name="SCV" localSheetId="3">#REF!</definedName>
    <definedName name="SCV">#REF!</definedName>
    <definedName name="SKｿｹｯﾄφ20" localSheetId="3">#REF!</definedName>
    <definedName name="SKｿｹｯﾄφ20">#REF!</definedName>
    <definedName name="SKｿｹｯﾄφ40" localSheetId="3">#REF!</definedName>
    <definedName name="SKｿｹｯﾄφ40">#REF!</definedName>
    <definedName name="SONI" localSheetId="3">#REF!</definedName>
    <definedName name="SONI">#REF!</definedName>
    <definedName name="SONO" localSheetId="3">#REF!</definedName>
    <definedName name="SONO">#REF!</definedName>
    <definedName name="SPK">17940</definedName>
    <definedName name="ｓｒ" localSheetId="3">[7]土工!#REF!</definedName>
    <definedName name="ｓｒ">[7]土工!#REF!</definedName>
    <definedName name="SUB" localSheetId="3">#REF!</definedName>
    <definedName name="SUB" localSheetId="10">#REF!</definedName>
    <definedName name="SUB" localSheetId="1">#REF!</definedName>
    <definedName name="SUB">#REF!</definedName>
    <definedName name="T" localSheetId="3">#REF!</definedName>
    <definedName name="T" localSheetId="10">#REF!</definedName>
    <definedName name="T" localSheetId="1">#REF!</definedName>
    <definedName name="T">#REF!</definedName>
    <definedName name="TF" localSheetId="3">#REF!</definedName>
    <definedName name="TF" localSheetId="10">#REF!</definedName>
    <definedName name="TF" localSheetId="1">#REF!</definedName>
    <definedName name="TF">#REF!</definedName>
    <definedName name="to">'[4]拾・幹線(屋)'!$O$14</definedName>
    <definedName name="TORA">'[4]#REF'!$C$5:$S$38</definedName>
    <definedName name="TPAJI" localSheetId="3">#REF!</definedName>
    <definedName name="TPAJI" localSheetId="10">#REF!</definedName>
    <definedName name="TPAJI" localSheetId="1">#REF!</definedName>
    <definedName name="TPAJI">#REF!</definedName>
    <definedName name="TS">16892</definedName>
    <definedName name="T区" localSheetId="3">#REF!</definedName>
    <definedName name="T区" localSheetId="10">#REF!</definedName>
    <definedName name="T区" localSheetId="1">#REF!</definedName>
    <definedName name="T区">#REF!</definedName>
    <definedName name="U" localSheetId="3">#REF!</definedName>
    <definedName name="U" localSheetId="10">#REF!</definedName>
    <definedName name="U" localSheetId="1">#REF!</definedName>
    <definedName name="U">#REF!</definedName>
    <definedName name="UG" localSheetId="3">#REF!</definedName>
    <definedName name="UG" localSheetId="10">#REF!</definedName>
    <definedName name="UG">#REF!</definedName>
    <definedName name="UHY" localSheetId="3">#REF!</definedName>
    <definedName name="UHY">#REF!</definedName>
    <definedName name="Unnpan" localSheetId="3">[9]!Unnpan</definedName>
    <definedName name="Unnpan">[9]!Unnpan</definedName>
    <definedName name="V" localSheetId="3">#REF!</definedName>
    <definedName name="V" localSheetId="10">#REF!</definedName>
    <definedName name="V" localSheetId="1">#REF!</definedName>
    <definedName name="V">#REF!</definedName>
    <definedName name="VNJ" localSheetId="3">#REF!</definedName>
    <definedName name="VNJ" localSheetId="10">#REF!</definedName>
    <definedName name="VNJ" localSheetId="1">#REF!</definedName>
    <definedName name="VNJ">#REF!</definedName>
    <definedName name="W" localSheetId="3">#REF!</definedName>
    <definedName name="W" localSheetId="10">#REF!</definedName>
    <definedName name="W" localSheetId="1">#REF!</definedName>
    <definedName name="W">#REF!</definedName>
    <definedName name="WA" localSheetId="3">#REF!</definedName>
    <definedName name="WA">#REF!</definedName>
    <definedName name="wrn.REP1." localSheetId="10" hidden="1">{"設定1",#N/A,FALSE,"第5号-1";"設定2",#N/A,FALSE,"第5号-1"}</definedName>
    <definedName name="wrn.REP1." localSheetId="1" hidden="1">{"設定1",#N/A,FALSE,"第5号-1";"設定2",#N/A,FALSE,"第5号-1"}</definedName>
    <definedName name="wrn.REP1." hidden="1">{"設定1",#N/A,FALSE,"第5号-1";"設定2",#N/A,FALSE,"第5号-1"}</definedName>
    <definedName name="wrn.REP2" localSheetId="10" hidden="1">{"設定1",#N/A,FALSE,"第5号-1";"設定2",#N/A,FALSE,"第5号-1"}</definedName>
    <definedName name="wrn.REP2" localSheetId="1" hidden="1">{"設定1",#N/A,FALSE,"第5号-1";"設定2",#N/A,FALSE,"第5号-1"}</definedName>
    <definedName name="wrn.REP2" hidden="1">{"設定1",#N/A,FALSE,"第5号-1";"設定2",#N/A,FALSE,"第5号-1"}</definedName>
    <definedName name="wrn.上清水開削４." localSheetId="1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1"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X" localSheetId="3">#REF!</definedName>
    <definedName name="X" localSheetId="10">#REF!</definedName>
    <definedName name="X" localSheetId="1">#REF!</definedName>
    <definedName name="X">#REF!</definedName>
    <definedName name="XC" localSheetId="3">#REF!</definedName>
    <definedName name="XC" localSheetId="10">#REF!</definedName>
    <definedName name="XC" localSheetId="1">#REF!</definedName>
    <definedName name="XC">#REF!</definedName>
    <definedName name="XMIN" localSheetId="3">#REF!</definedName>
    <definedName name="XMIN" localSheetId="10">#REF!</definedName>
    <definedName name="XMIN" localSheetId="1">#REF!</definedName>
    <definedName name="XMIN">#REF!</definedName>
    <definedName name="Y" localSheetId="3">#REF!</definedName>
    <definedName name="Y">#REF!</definedName>
    <definedName name="Yusou" localSheetId="3">[9]!Yusou</definedName>
    <definedName name="Yusou">[9]!Yusou</definedName>
    <definedName name="YusouHyouji" localSheetId="3">[9]!YusouHyouji</definedName>
    <definedName name="YusouHyouji">[9]!YusouHyouji</definedName>
    <definedName name="ｙｙ" localSheetId="3">[10]表紙!#REF!</definedName>
    <definedName name="ｙｙ" localSheetId="10">[10]表紙!#REF!</definedName>
    <definedName name="ｙｙ" localSheetId="1">[10]表紙!#REF!</definedName>
    <definedName name="ｙｙ">[10]表紙!#REF!</definedName>
    <definedName name="Z" localSheetId="3">#REF!</definedName>
    <definedName name="Z" localSheetId="10">#REF!</definedName>
    <definedName name="Z" localSheetId="1">#REF!</definedName>
    <definedName name="Z">#REF!</definedName>
    <definedName name="ZAI" localSheetId="3">#REF!</definedName>
    <definedName name="ZAI" localSheetId="10">#REF!</definedName>
    <definedName name="ZAI" localSheetId="1">#REF!</definedName>
    <definedName name="ZAI">#REF!</definedName>
    <definedName name="ZAT1" localSheetId="3">#REF!</definedName>
    <definedName name="ZAT1" localSheetId="10">#REF!</definedName>
    <definedName name="ZAT1" localSheetId="1">#REF!</definedName>
    <definedName name="ZAT1">#REF!</definedName>
    <definedName name="zat2" localSheetId="3">#REF!</definedName>
    <definedName name="zat2">#REF!</definedName>
    <definedName name="ZAT3" localSheetId="3">#REF!</definedName>
    <definedName name="ZAT3">#REF!</definedName>
    <definedName name="Z一般管理費" localSheetId="3">#REF!</definedName>
    <definedName name="Z一般管理費">#REF!</definedName>
    <definedName name="Z一般管理費1" localSheetId="3">#REF!</definedName>
    <definedName name="Z一般管理費1">#REF!</definedName>
    <definedName name="Z一般管理費2" localSheetId="3">#REF!</definedName>
    <definedName name="Z一般管理費2">#REF!</definedName>
    <definedName name="Z一般管理費3" localSheetId="3">#REF!</definedName>
    <definedName name="Z一般管理費3">#REF!</definedName>
    <definedName name="Z一般労務費" localSheetId="3">#REF!</definedName>
    <definedName name="Z一般労務費">#REF!</definedName>
    <definedName name="Z一般労務費1" localSheetId="3">#REF!</definedName>
    <definedName name="Z一般労務費1">#REF!</definedName>
    <definedName name="Z一般労務費2" localSheetId="3">#REF!</definedName>
    <definedName name="Z一般労務費2">#REF!</definedName>
    <definedName name="Z一般労務費3" localSheetId="3">#REF!</definedName>
    <definedName name="Z一般労務費3">#REF!</definedName>
    <definedName name="Z間接工事費" localSheetId="3">#REF!</definedName>
    <definedName name="Z間接工事費">#REF!</definedName>
    <definedName name="Z間接工事費1" localSheetId="3">#REF!</definedName>
    <definedName name="Z間接工事費1">#REF!</definedName>
    <definedName name="Z間接工事費2" localSheetId="3">#REF!</definedName>
    <definedName name="Z間接工事費2">#REF!</definedName>
    <definedName name="Z間接工事費3" localSheetId="3">#REF!</definedName>
    <definedName name="Z間接工事費3">#REF!</definedName>
    <definedName name="Z機械経費" localSheetId="3">#REF!</definedName>
    <definedName name="Z機械経費">#REF!</definedName>
    <definedName name="Z機械経費1" localSheetId="3">#REF!</definedName>
    <definedName name="Z機械経費1">#REF!</definedName>
    <definedName name="Z機械経費2" localSheetId="3">#REF!</definedName>
    <definedName name="Z機械経費2">#REF!</definedName>
    <definedName name="Z機械経費3" localSheetId="3">#REF!</definedName>
    <definedName name="Z機械経費3">#REF!</definedName>
    <definedName name="Z機器費" localSheetId="3">#REF!</definedName>
    <definedName name="Z機器費">#REF!</definedName>
    <definedName name="Z機器費1" localSheetId="3">#REF!</definedName>
    <definedName name="Z機器費1">#REF!</definedName>
    <definedName name="Z機器費2" localSheetId="3">#REF!</definedName>
    <definedName name="Z機器費2">#REF!</definedName>
    <definedName name="Z機器費3" localSheetId="3">#REF!</definedName>
    <definedName name="Z機器費3">#REF!</definedName>
    <definedName name="Z技術費" localSheetId="3">#REF!</definedName>
    <definedName name="Z技術費">#REF!</definedName>
    <definedName name="Z技術費1" localSheetId="3">#REF!</definedName>
    <definedName name="Z技術費1">#REF!</definedName>
    <definedName name="Z技術費2" localSheetId="3">#REF!</definedName>
    <definedName name="Z技術費2">#REF!</definedName>
    <definedName name="Z技術費3" localSheetId="3">#REF!</definedName>
    <definedName name="Z技術費3">#REF!</definedName>
    <definedName name="Z共通仮設費" localSheetId="3">#REF!</definedName>
    <definedName name="Z共通仮設費">#REF!</definedName>
    <definedName name="Z共通仮設費1" localSheetId="3">#REF!</definedName>
    <definedName name="Z共通仮設費1">#REF!</definedName>
    <definedName name="Z共通仮設費2" localSheetId="3">#REF!</definedName>
    <definedName name="Z共通仮設費2">#REF!</definedName>
    <definedName name="Z共通仮設費3" localSheetId="3">#REF!</definedName>
    <definedName name="Z共通仮設費3">#REF!</definedName>
    <definedName name="Z現場間接費" localSheetId="3">#REF!</definedName>
    <definedName name="Z現場間接費">#REF!</definedName>
    <definedName name="Z現場間接費1" localSheetId="3">#REF!</definedName>
    <definedName name="Z現場間接費1">#REF!</definedName>
    <definedName name="Z現場間接費2" localSheetId="3">#REF!</definedName>
    <definedName name="Z現場間接費2">#REF!</definedName>
    <definedName name="Z現場間接費3" localSheetId="3">#REF!</definedName>
    <definedName name="Z現場間接費3">#REF!</definedName>
    <definedName name="Z工事価格" localSheetId="3">#REF!</definedName>
    <definedName name="Z工事価格">#REF!</definedName>
    <definedName name="Z工事価格1" localSheetId="3">#REF!</definedName>
    <definedName name="Z工事価格1">#REF!</definedName>
    <definedName name="Z工事価格2" localSheetId="3">#REF!</definedName>
    <definedName name="Z工事価格2">#REF!</definedName>
    <definedName name="Z工事価格3" localSheetId="3">#REF!</definedName>
    <definedName name="Z工事価格3">#REF!</definedName>
    <definedName name="Z工事原価" localSheetId="3">#REF!</definedName>
    <definedName name="Z工事原価">#REF!</definedName>
    <definedName name="Z工事原価1" localSheetId="3">#REF!</definedName>
    <definedName name="Z工事原価1">#REF!</definedName>
    <definedName name="Z工事原価2" localSheetId="3">#REF!</definedName>
    <definedName name="Z工事原価2">#REF!</definedName>
    <definedName name="Z工事原価3" localSheetId="3">#REF!</definedName>
    <definedName name="Z工事原価3">#REF!</definedName>
    <definedName name="Z工派計" localSheetId="3">#REF!</definedName>
    <definedName name="Z工派計">#REF!</definedName>
    <definedName name="Z工派計1" localSheetId="3">#REF!</definedName>
    <definedName name="Z工派計1">#REF!</definedName>
    <definedName name="Z工派計2" localSheetId="3">#REF!</definedName>
    <definedName name="Z工派計2">#REF!</definedName>
    <definedName name="Z工派計3" localSheetId="3">#REF!</definedName>
    <definedName name="Z工派計3">#REF!</definedName>
    <definedName name="Z工派試験" localSheetId="3">#REF!</definedName>
    <definedName name="Z工派試験">#REF!</definedName>
    <definedName name="Z工派試験1" localSheetId="3">#REF!</definedName>
    <definedName name="Z工派試験1">#REF!</definedName>
    <definedName name="Z工派試験2" localSheetId="3">#REF!</definedName>
    <definedName name="Z工派試験2">#REF!</definedName>
    <definedName name="Z工派試験3" localSheetId="3">#REF!</definedName>
    <definedName name="Z工派試験3">#REF!</definedName>
    <definedName name="Z工派据付" localSheetId="3">#REF!</definedName>
    <definedName name="Z工派据付">#REF!</definedName>
    <definedName name="Z工派据付1" localSheetId="3">#REF!</definedName>
    <definedName name="Z工派据付1">#REF!</definedName>
    <definedName name="Z工派据付2" localSheetId="3">#REF!</definedName>
    <definedName name="Z工派据付2">#REF!</definedName>
    <definedName name="Z工派据付3" localSheetId="3">#REF!</definedName>
    <definedName name="Z工派据付3">#REF!</definedName>
    <definedName name="Z材料費" localSheetId="3">#REF!</definedName>
    <definedName name="Z材料費">#REF!</definedName>
    <definedName name="Z材料費1" localSheetId="3">#REF!</definedName>
    <definedName name="Z材料費1">#REF!</definedName>
    <definedName name="Z材料費2" localSheetId="3">#REF!</definedName>
    <definedName name="Z材料費2">#REF!</definedName>
    <definedName name="Z材料費3" localSheetId="3">#REF!</definedName>
    <definedName name="Z材料費3">#REF!</definedName>
    <definedName name="Z試運転費" localSheetId="3">#REF!</definedName>
    <definedName name="Z試運転費">#REF!</definedName>
    <definedName name="Z試運転費1" localSheetId="3">#REF!</definedName>
    <definedName name="Z試運転費1">#REF!</definedName>
    <definedName name="Z試運転費2" localSheetId="3">#REF!</definedName>
    <definedName name="Z試運転費2">#REF!</definedName>
    <definedName name="Z試運転費3" localSheetId="3">#REF!</definedName>
    <definedName name="Z試運転費3">#REF!</definedName>
    <definedName name="Z純工事" localSheetId="3">#REF!</definedName>
    <definedName name="Z純工事">#REF!</definedName>
    <definedName name="Z純工事1" localSheetId="3">#REF!</definedName>
    <definedName name="Z純工事1">#REF!</definedName>
    <definedName name="Z純工事2" localSheetId="3">#REF!</definedName>
    <definedName name="Z純工事2">#REF!</definedName>
    <definedName name="Z純工事3" localSheetId="3">#REF!</definedName>
    <definedName name="Z純工事3">#REF!</definedName>
    <definedName name="Z水道光熱" localSheetId="3">#REF!</definedName>
    <definedName name="Z水道光熱">#REF!</definedName>
    <definedName name="Z水道光熱1" localSheetId="3">#REF!</definedName>
    <definedName name="Z水道光熱1">#REF!</definedName>
    <definedName name="Z水道光熱2" localSheetId="3">#REF!</definedName>
    <definedName name="Z水道光熱2">#REF!</definedName>
    <definedName name="Z水道光熱3" localSheetId="3">#REF!</definedName>
    <definedName name="Z水道光熱3">#REF!</definedName>
    <definedName name="Z据付間接費" localSheetId="3">#REF!</definedName>
    <definedName name="Z据付間接費">#REF!</definedName>
    <definedName name="Z据付間接費1" localSheetId="3">#REF!</definedName>
    <definedName name="Z据付間接費1">#REF!</definedName>
    <definedName name="Z据付間接費2" localSheetId="3">#REF!</definedName>
    <definedName name="Z据付間接費2">#REF!</definedName>
    <definedName name="Z据付間接費3" localSheetId="3">#REF!</definedName>
    <definedName name="Z据付間接費3">#REF!</definedName>
    <definedName name="Z据付工間接" localSheetId="3">#REF!</definedName>
    <definedName name="Z据付工間接">#REF!</definedName>
    <definedName name="Z据付工間接1" localSheetId="3">#REF!</definedName>
    <definedName name="Z据付工間接1">#REF!</definedName>
    <definedName name="Z据付工間接2" localSheetId="3">#REF!</definedName>
    <definedName name="Z据付工間接2">#REF!</definedName>
    <definedName name="Z据付工間接3" localSheetId="3">#REF!</definedName>
    <definedName name="Z据付工間接3">#REF!</definedName>
    <definedName name="Z据付費" localSheetId="3">#REF!</definedName>
    <definedName name="Z据付費">#REF!</definedName>
    <definedName name="Z据付費1" localSheetId="3">#REF!</definedName>
    <definedName name="Z据付費1">#REF!</definedName>
    <definedName name="Z据付費2" localSheetId="3">#REF!</definedName>
    <definedName name="Z据付費2">#REF!</definedName>
    <definedName name="Z据付費3" localSheetId="3">#REF!</definedName>
    <definedName name="Z据付費3">#REF!</definedName>
    <definedName name="Z組合せ試験" localSheetId="3">#REF!</definedName>
    <definedName name="Z組合せ試験">#REF!</definedName>
    <definedName name="Z組合せ試験1" localSheetId="3">#REF!</definedName>
    <definedName name="Z組合せ試験1">#REF!</definedName>
    <definedName name="Z組合せ試験2" localSheetId="3">#REF!</definedName>
    <definedName name="Z組合せ試験2">#REF!</definedName>
    <definedName name="Z組合せ試験3" localSheetId="3">#REF!</definedName>
    <definedName name="Z組合せ試験3">#REF!</definedName>
    <definedName name="Z総合試運転" localSheetId="3">#REF!</definedName>
    <definedName name="Z総合試運転">#REF!</definedName>
    <definedName name="Z総合試運転1" localSheetId="3">#REF!</definedName>
    <definedName name="Z総合試運転1">#REF!</definedName>
    <definedName name="Z総合試運転2" localSheetId="3">#REF!</definedName>
    <definedName name="Z総合試運転2">#REF!</definedName>
    <definedName name="Z総合試運転3" localSheetId="3">#REF!</definedName>
    <definedName name="Z総合試運転3">#REF!</definedName>
    <definedName name="Z直工" localSheetId="3">#REF!</definedName>
    <definedName name="Z直工">#REF!</definedName>
    <definedName name="Z直工1" localSheetId="3">#REF!</definedName>
    <definedName name="Z直工1">#REF!</definedName>
    <definedName name="Z直工2" localSheetId="3">#REF!</definedName>
    <definedName name="Z直工2">#REF!</definedName>
    <definedName name="Z直工3" localSheetId="3">#REF!</definedName>
    <definedName name="Z直工3">#REF!</definedName>
    <definedName name="Z直接経費" localSheetId="3">#REF!</definedName>
    <definedName name="Z直接経費">#REF!</definedName>
    <definedName name="Z直接経費1" localSheetId="3">#REF!</definedName>
    <definedName name="Z直接経費1">#REF!</definedName>
    <definedName name="Z直接経費2" localSheetId="3">#REF!</definedName>
    <definedName name="Z直接経費2">#REF!</definedName>
    <definedName name="Z直接経費3" localSheetId="3">#REF!</definedName>
    <definedName name="Z直接経費3">#REF!</definedName>
    <definedName name="Z直接材料費" localSheetId="3">#REF!</definedName>
    <definedName name="Z直接材料費">#REF!</definedName>
    <definedName name="Z直接材料費1" localSheetId="3">#REF!</definedName>
    <definedName name="Z直接材料費1">#REF!</definedName>
    <definedName name="Z直接材料費2" localSheetId="3">#REF!</definedName>
    <definedName name="Z直接材料費2">#REF!</definedName>
    <definedName name="Z直接材料費3" localSheetId="3">#REF!</definedName>
    <definedName name="Z直接材料費3">#REF!</definedName>
    <definedName name="Z直接労務費" localSheetId="3">#REF!</definedName>
    <definedName name="Z直接労務費">#REF!</definedName>
    <definedName name="Z直接労務費1" localSheetId="3">#REF!</definedName>
    <definedName name="Z直接労務費1">#REF!</definedName>
    <definedName name="Z直接労務費2" localSheetId="3">#REF!</definedName>
    <definedName name="Z直接労務費2">#REF!</definedName>
    <definedName name="Z直接労務費3" localSheetId="3">#REF!</definedName>
    <definedName name="Z直接労務費3">#REF!</definedName>
    <definedName name="Z特許使用料" localSheetId="3">#REF!</definedName>
    <definedName name="Z特許使用料">#REF!</definedName>
    <definedName name="Z特許使用料1" localSheetId="3">#REF!</definedName>
    <definedName name="Z特許使用料1">#REF!</definedName>
    <definedName name="Z特許使用料2" localSheetId="3">#REF!</definedName>
    <definedName name="Z特許使用料2">#REF!</definedName>
    <definedName name="Z特許使用料3" localSheetId="3">#REF!</definedName>
    <definedName name="Z特許使用料3">#REF!</definedName>
    <definedName name="Z複合工費" localSheetId="3">#REF!</definedName>
    <definedName name="Z複合工費">#REF!</definedName>
    <definedName name="Z複合工費1" localSheetId="3">#REF!</definedName>
    <definedName name="Z複合工費1">#REF!</definedName>
    <definedName name="Z複合工費2" localSheetId="3">#REF!</definedName>
    <definedName name="Z複合工費2">#REF!</definedName>
    <definedName name="Z複合工費3" localSheetId="3">#REF!</definedName>
    <definedName name="Z複合工費3">#REF!</definedName>
    <definedName name="Z補助材料費" localSheetId="3">#REF!</definedName>
    <definedName name="Z補助材料費">#REF!</definedName>
    <definedName name="Z補助材料費1" localSheetId="3">#REF!</definedName>
    <definedName name="Z補助材料費1">#REF!</definedName>
    <definedName name="Z補助材料費2" localSheetId="3">#REF!</definedName>
    <definedName name="Z補助材料費2">#REF!</definedName>
    <definedName name="Z補助材料費3" localSheetId="3">#REF!</definedName>
    <definedName name="Z補助材料費3">#REF!</definedName>
    <definedName name="Z輸送費" localSheetId="3">#REF!</definedName>
    <definedName name="Z輸送費">#REF!</definedName>
    <definedName name="Z輸送費1" localSheetId="3">#REF!</definedName>
    <definedName name="Z輸送費1">#REF!</definedName>
    <definedName name="Z輸送費2" localSheetId="3">#REF!</definedName>
    <definedName name="Z輸送費2">#REF!</definedName>
    <definedName name="Z輸送費3" localSheetId="3">#REF!</definedName>
    <definedName name="Z輸送費3">#REF!</definedName>
    <definedName name="ア" localSheetId="3">[8]表紙!#REF!</definedName>
    <definedName name="ア">[8]表紙!#REF!</definedName>
    <definedName name="あ" localSheetId="3">[8]表紙!#REF!</definedName>
    <definedName name="あ" localSheetId="10">[8]表紙!#REF!</definedName>
    <definedName name="あ">[8]表紙!#REF!</definedName>
    <definedName name="あ1" localSheetId="3">#REF!</definedName>
    <definedName name="あ1" localSheetId="10">#REF!</definedName>
    <definedName name="あ1" localSheetId="1">#REF!</definedName>
    <definedName name="あ1">#REF!</definedName>
    <definedName name="あああ" localSheetId="3">#REF!</definedName>
    <definedName name="あああ" localSheetId="10">#REF!</definedName>
    <definedName name="あああ" localSheetId="1">#REF!</definedName>
    <definedName name="あああ">#REF!</definedName>
    <definedName name="ああああ" localSheetId="3">#REF!</definedName>
    <definedName name="ああああ" localSheetId="10">#REF!</definedName>
    <definedName name="ああああ" localSheetId="1">#REF!</definedName>
    <definedName name="ああああ">#REF!</definedName>
    <definedName name="ああああああ" localSheetId="3">[8]表紙!#REF!</definedName>
    <definedName name="ああああああ" localSheetId="10">[8]表紙!#REF!</definedName>
    <definedName name="ああああああ" localSheetId="1">[8]表紙!#REF!</definedName>
    <definedName name="ああああああ">[8]表紙!#REF!</definedName>
    <definedName name="ｱｽﾌｧﾙﾄ乳剤PK3" localSheetId="3">#REF!</definedName>
    <definedName name="ｱｽﾌｧﾙﾄ乳剤PK3" localSheetId="10">#REF!</definedName>
    <definedName name="ｱｽﾌｧﾙﾄ乳剤PK3" localSheetId="1">#REF!</definedName>
    <definedName name="ｱｽﾌｧﾙﾄ乳剤PK3">#REF!</definedName>
    <definedName name="ｱｾﾁﾚﾝ" localSheetId="3">#REF!</definedName>
    <definedName name="ｱｾﾁﾚﾝ" localSheetId="10">#REF!</definedName>
    <definedName name="ｱｾﾁﾚﾝ" localSheetId="1">#REF!</definedName>
    <definedName name="ｱｾﾁﾚﾝ">#REF!</definedName>
    <definedName name="いいいい" localSheetId="3">[9]!Anzen</definedName>
    <definedName name="いいいい">[9]!Anzen</definedName>
    <definedName name="いらない列1" localSheetId="3">#REF!</definedName>
    <definedName name="いらない列1" localSheetId="10">#REF!</definedName>
    <definedName name="いらない列1" localSheetId="1">#REF!</definedName>
    <definedName name="いらない列1">#REF!</definedName>
    <definedName name="いらない列2" localSheetId="3">#REF!</definedName>
    <definedName name="いらない列2" localSheetId="10">#REF!</definedName>
    <definedName name="いらない列2" localSheetId="1">#REF!</definedName>
    <definedName name="いらない列2">#REF!</definedName>
    <definedName name="ｴﾙﾎﾞφ20" localSheetId="3">#REF!</definedName>
    <definedName name="ｴﾙﾎﾞφ20" localSheetId="10">#REF!</definedName>
    <definedName name="ｴﾙﾎﾞφ20" localSheetId="1">#REF!</definedName>
    <definedName name="ｴﾙﾎﾞφ20">#REF!</definedName>
    <definedName name="ｴﾙﾎﾞφ25" localSheetId="3">#REF!</definedName>
    <definedName name="ｴﾙﾎﾞφ25">#REF!</definedName>
    <definedName name="ｴﾙﾎﾞφ40" localSheetId="3">#REF!</definedName>
    <definedName name="ｴﾙﾎﾞφ40">#REF!</definedName>
    <definedName name="お">'[4]#REF'!$C$5:$S$38</definedName>
    <definedName name="ｶﾞｽPS" localSheetId="3">#REF!</definedName>
    <definedName name="ｶﾞｽPS" localSheetId="10">#REF!</definedName>
    <definedName name="ｶﾞｽPS" localSheetId="1">#REF!</definedName>
    <definedName name="ｶﾞｽPS">#REF!</definedName>
    <definedName name="ガス給湯器">[4]歩・屋!$W$10</definedName>
    <definedName name="ｶﾞｿﾘﾝ" localSheetId="3">#REF!</definedName>
    <definedName name="ｶﾞｿﾘﾝ" localSheetId="10">#REF!</definedName>
    <definedName name="ｶﾞｿﾘﾝ" localSheetId="1">#REF!</definedName>
    <definedName name="ｶﾞｿﾘﾝ">#REF!</definedName>
    <definedName name="ｶｯﾀｰﾌﾞﾚｰﾄﾞ30" localSheetId="3">#REF!</definedName>
    <definedName name="ｶｯﾀｰﾌﾞﾚｰﾄﾞ30" localSheetId="10">#REF!</definedName>
    <definedName name="ｶｯﾀｰﾌﾞﾚｰﾄﾞ30" localSheetId="1">#REF!</definedName>
    <definedName name="ｶｯﾀｰﾌﾞﾚｰﾄﾞ30">#REF!</definedName>
    <definedName name="ｶｯﾀｰﾌﾞﾚｰﾄﾞ40" localSheetId="3">#REF!</definedName>
    <definedName name="ｶｯﾀｰﾌﾞﾚｰﾄﾞ40" localSheetId="10">#REF!</definedName>
    <definedName name="ｶｯﾀｰﾌﾞﾚｰﾄﾞ40" localSheetId="1">#REF!</definedName>
    <definedName name="ｶｯﾀｰﾌﾞﾚｰﾄﾞ40">#REF!</definedName>
    <definedName name="ｶｯﾀｰﾌﾞﾚｰﾄﾞ55" localSheetId="3">#REF!</definedName>
    <definedName name="ｶｯﾀｰﾌﾞﾚｰﾄﾞ55">#REF!</definedName>
    <definedName name="ｶｯﾀｰﾌﾞﾚｰﾄﾞ60" localSheetId="3">#REF!</definedName>
    <definedName name="ｶｯﾀｰﾌﾞﾚｰﾄﾞ60">#REF!</definedName>
    <definedName name="ｶｯﾀｰ運転30㎝" localSheetId="3">#REF!</definedName>
    <definedName name="ｶｯﾀｰ運転30㎝">#REF!</definedName>
    <definedName name="ｶｯﾀｰ運転40㎝" localSheetId="3">#REF!</definedName>
    <definedName name="ｶｯﾀｰ運転40㎝">#REF!</definedName>
    <definedName name="ｶﾞﾗｽ工" localSheetId="3">#REF!</definedName>
    <definedName name="ｶﾞﾗｽ工">#REF!</definedName>
    <definedName name="ガラス工２">[20]府県別労務!$C$50</definedName>
    <definedName name="くうちょう" localSheetId="3">#REF!</definedName>
    <definedName name="くうちょう" localSheetId="10">#REF!</definedName>
    <definedName name="くうちょう" localSheetId="1">#REF!</definedName>
    <definedName name="くうちょう">#REF!</definedName>
    <definedName name="グランド照明" localSheetId="3">[13]内訳書!#REF!</definedName>
    <definedName name="グランド照明" localSheetId="10">[13]内訳書!#REF!</definedName>
    <definedName name="グランド照明" localSheetId="1">[13]内訳書!#REF!</definedName>
    <definedName name="グランド照明">[13]内訳書!#REF!</definedName>
    <definedName name="ｸﾚｰﾝ付ﾄﾗｯｸ運転2.9t" localSheetId="3">#REF!</definedName>
    <definedName name="ｸﾚｰﾝ付ﾄﾗｯｸ運転2.9t" localSheetId="10">#REF!</definedName>
    <definedName name="ｸﾚｰﾝ付ﾄﾗｯｸ運転2.9t" localSheetId="1">#REF!</definedName>
    <definedName name="ｸﾚｰﾝ付ﾄﾗｯｸ運転2.9t">#REF!</definedName>
    <definedName name="ｸﾛｽ集計範囲" localSheetId="3">#REF!</definedName>
    <definedName name="ｸﾛｽ集計範囲" localSheetId="10">#REF!</definedName>
    <definedName name="ｸﾛｽ集計範囲" localSheetId="1">#REF!</definedName>
    <definedName name="ｸﾛｽ集計範囲">#REF!</definedName>
    <definedName name="ｺﾝｸﾘｰﾄ混和剤" localSheetId="3">#REF!</definedName>
    <definedName name="ｺﾝｸﾘｰﾄ混和剤" localSheetId="10">#REF!</definedName>
    <definedName name="ｺﾝｸﾘｰﾄ混和剤" localSheetId="1">#REF!</definedName>
    <definedName name="ｺﾝｸﾘｰﾄ混和剤">#REF!</definedName>
    <definedName name="ｺﾝﾏ小数点" localSheetId="3">#REF!</definedName>
    <definedName name="ｺﾝﾏ小数点">#REF!</definedName>
    <definedName name="さく岩工" localSheetId="3">#REF!</definedName>
    <definedName name="さく岩工">#REF!</definedName>
    <definedName name="ささＳ" localSheetId="3">#REF!</definedName>
    <definedName name="ささＳ">#REF!</definedName>
    <definedName name="サッシ工" localSheetId="3">#REF!</definedName>
    <definedName name="サッシ工">#REF!</definedName>
    <definedName name="ｻﾄﾞﾙ分水栓φ150×φ20" localSheetId="3">#REF!</definedName>
    <definedName name="ｻﾄﾞﾙ分水栓φ150×φ20">#REF!</definedName>
    <definedName name="ｻﾄﾞﾙ分水栓φ150×φ25" localSheetId="3">#REF!</definedName>
    <definedName name="ｻﾄﾞﾙ分水栓φ150×φ25">#REF!</definedName>
    <definedName name="ｻﾄﾞﾙ分水栓φ150×φ40" localSheetId="3">#REF!</definedName>
    <definedName name="ｻﾄﾞﾙ分水栓φ150×φ40">#REF!</definedName>
    <definedName name="ｻﾄﾞﾙ分水栓φ75×φ20" localSheetId="3">#REF!</definedName>
    <definedName name="ｻﾄﾞﾙ分水栓φ75×φ20">#REF!</definedName>
    <definedName name="ｻﾝﾀﾞｰｽﾄｰﾝ" localSheetId="3">#REF!</definedName>
    <definedName name="ｻﾝﾀﾞｰｽﾄｰﾝ">#REF!</definedName>
    <definedName name="じょ">'[4]#REF'!$U$1:$AK$2</definedName>
    <definedName name="ｽﾞｰﾑ">[1]仮設躯体!$A$2:$I$21</definedName>
    <definedName name="スコアボード比較" localSheetId="3">#REF!</definedName>
    <definedName name="スコアボード比較" localSheetId="10">#REF!</definedName>
    <definedName name="スコアボード比較" localSheetId="1">#REF!</definedName>
    <definedName name="スコアボード比較">#REF!</definedName>
    <definedName name="スタイル" localSheetId="3">#REF!</definedName>
    <definedName name="スタイル" localSheetId="10">#REF!</definedName>
    <definedName name="スタイル" localSheetId="1">#REF!</definedName>
    <definedName name="スタイル">#REF!</definedName>
    <definedName name="ｿｹｯﾄφ20" localSheetId="3">#REF!</definedName>
    <definedName name="ｿｹｯﾄφ20" localSheetId="10">#REF!</definedName>
    <definedName name="ｿｹｯﾄφ20" localSheetId="1">#REF!</definedName>
    <definedName name="ｿｹｯﾄφ20">#REF!</definedName>
    <definedName name="ｿｹｯﾄφ25" localSheetId="3">#REF!</definedName>
    <definedName name="ｿｹｯﾄφ25">#REF!</definedName>
    <definedName name="ｿｹｯﾄφ25×φ20" localSheetId="3">#REF!</definedName>
    <definedName name="ｿｹｯﾄφ25×φ20">#REF!</definedName>
    <definedName name="ｿｹｯﾄφ40" localSheetId="3">#REF!</definedName>
    <definedName name="ｿｹｯﾄφ40">#REF!</definedName>
    <definedName name="その他" localSheetId="3">#REF!</definedName>
    <definedName name="その他">#REF!</definedName>
    <definedName name="だいＫ" localSheetId="3">[21]表紙!#REF!</definedName>
    <definedName name="だいＫ">[21]表紙!#REF!</definedName>
    <definedName name="ﾀｲﾄﾙ行" localSheetId="3">#REF!</definedName>
    <definedName name="ﾀｲﾄﾙ行" localSheetId="10">#REF!</definedName>
    <definedName name="ﾀｲﾄﾙ行" localSheetId="1">#REF!</definedName>
    <definedName name="ﾀｲﾄﾙ行">#REF!</definedName>
    <definedName name="タイル工" localSheetId="3">#REF!</definedName>
    <definedName name="タイル工" localSheetId="10">#REF!</definedName>
    <definedName name="タイル工" localSheetId="1">#REF!</definedName>
    <definedName name="タイル工">#REF!</definedName>
    <definedName name="ダク" localSheetId="3">[22]明細!#REF!</definedName>
    <definedName name="ダク" localSheetId="10">[22]明細!#REF!</definedName>
    <definedName name="ダク" localSheetId="1">[22]明細!#REF!</definedName>
    <definedName name="ダク">[22]明細!#REF!</definedName>
    <definedName name="ダクタイル鋳鉄管" localSheetId="3">#REF!</definedName>
    <definedName name="ダクタイル鋳鉄管" localSheetId="10">#REF!</definedName>
    <definedName name="ダクタイル鋳鉄管" localSheetId="1">#REF!</definedName>
    <definedName name="ダクタイル鋳鉄管">#REF!</definedName>
    <definedName name="ダクト" localSheetId="3">[22]明細!#REF!</definedName>
    <definedName name="ダクト" localSheetId="10">[22]明細!#REF!</definedName>
    <definedName name="ダクト" localSheetId="1">[22]明細!#REF!</definedName>
    <definedName name="ダクト">[22]明細!#REF!</definedName>
    <definedName name="ダクト工" localSheetId="3">#REF!</definedName>
    <definedName name="ダクト工" localSheetId="10">#REF!</definedName>
    <definedName name="ダクト工" localSheetId="1">#REF!</definedName>
    <definedName name="ダクト工">#REF!</definedName>
    <definedName name="ﾀﾝﾊﾟｰ運転舗装用" localSheetId="3">#REF!</definedName>
    <definedName name="ﾀﾝﾊﾟｰ運転舗装用" localSheetId="10">#REF!</definedName>
    <definedName name="ﾀﾝﾊﾟｰ運転舗装用" localSheetId="1">#REF!</definedName>
    <definedName name="ﾀﾝﾊﾟｰ運転舗装用">#REF!</definedName>
    <definedName name="ﾀﾝﾊﾟｰ運転埋戻用" localSheetId="3">#REF!</definedName>
    <definedName name="ﾀﾝﾊﾟｰ運転埋戻用" localSheetId="10">#REF!</definedName>
    <definedName name="ﾀﾝﾊﾟｰ運転埋戻用" localSheetId="1">#REF!</definedName>
    <definedName name="ﾀﾝﾊﾟｰ運転埋戻用">#REF!</definedName>
    <definedName name="ﾀﾝﾊﾟｰ運転路盤用" localSheetId="3">#REF!</definedName>
    <definedName name="ﾀﾝﾊﾟｰ運転路盤用">#REF!</definedName>
    <definedName name="ﾀﾞﾝﾌﾟﾄﾗｯｸ11t車" localSheetId="3">#REF!</definedName>
    <definedName name="ﾀﾞﾝﾌﾟﾄﾗｯｸ11t車">#REF!</definedName>
    <definedName name="ﾀﾞﾝﾌﾟﾄﾗｯｸ4t車" localSheetId="3">#REF!</definedName>
    <definedName name="ﾀﾞﾝﾌﾟﾄﾗｯｸ4t車">#REF!</definedName>
    <definedName name="ﾁｰｽﾞφ25×φ20" localSheetId="3">#REF!</definedName>
    <definedName name="ﾁｰｽﾞφ25×φ20">#REF!</definedName>
    <definedName name="ﾁｰｽﾞφ40×φ20" localSheetId="3">#REF!</definedName>
    <definedName name="ﾁｰｽﾞφ40×φ20">#REF!</definedName>
    <definedName name="データ" localSheetId="3">#REF!</definedName>
    <definedName name="データ">#REF!</definedName>
    <definedName name="データ2" localSheetId="3">#REF!</definedName>
    <definedName name="データ2">#REF!</definedName>
    <definedName name="データー" localSheetId="3">#REF!</definedName>
    <definedName name="データー">#REF!</definedName>
    <definedName name="テスト" localSheetId="10">[23]配管数量!テスト</definedName>
    <definedName name="テスト" localSheetId="1">内訳書!テスト</definedName>
    <definedName name="テスト">[0]!テスト</definedName>
    <definedName name="テスト１" localSheetId="10">[23]配管数量!テスト１</definedName>
    <definedName name="テスト１" localSheetId="1">内訳書!テスト１</definedName>
    <definedName name="テスト１">[0]!テスト１</definedName>
    <definedName name="てすと１" localSheetId="10">[23]配管数量!てすと１</definedName>
    <definedName name="てすと１" localSheetId="1">内訳書!てすと１</definedName>
    <definedName name="てすと１">[0]!てすと１</definedName>
    <definedName name="テスト２" localSheetId="10">[23]配管数量!テスト２</definedName>
    <definedName name="テスト２" localSheetId="1">内訳書!テスト２</definedName>
    <definedName name="テスト２">[0]!テスト２</definedName>
    <definedName name="てすと２" localSheetId="10">[23]配管数量!てすと２</definedName>
    <definedName name="てすと２" localSheetId="1">内訳書!てすと２</definedName>
    <definedName name="てすと２">[0]!てすと２</definedName>
    <definedName name="テスト３" localSheetId="10">[23]配管数量!テスト３</definedName>
    <definedName name="テスト３" localSheetId="1">内訳書!テスト３</definedName>
    <definedName name="テスト３">[0]!テスト３</definedName>
    <definedName name="てすと３" localSheetId="10">[23]配管数量!てすと３</definedName>
    <definedName name="てすと３" localSheetId="1">内訳書!てすと３</definedName>
    <definedName name="てすと３">[0]!てすと３</definedName>
    <definedName name="テスト４" localSheetId="10">[23]配管数量!テスト４</definedName>
    <definedName name="テスト４" localSheetId="1">内訳書!テスト４</definedName>
    <definedName name="テスト４">[0]!テスト４</definedName>
    <definedName name="てすと８" localSheetId="10">[23]配管数量!てすと８</definedName>
    <definedName name="てすと８" localSheetId="1">内訳書!てすと８</definedName>
    <definedName name="てすと８">[0]!てすと８</definedName>
    <definedName name="とび工" localSheetId="3">#REF!</definedName>
    <definedName name="とび工" localSheetId="10">#REF!</definedName>
    <definedName name="とび工" localSheetId="1">#REF!</definedName>
    <definedName name="とび工">#REF!</definedName>
    <definedName name="ﾄﾗｯｸ">'[4]#REF'!$K$1</definedName>
    <definedName name="ﾄﾗｯｸｸﾚｰﾝ運転4.8_4.9t" localSheetId="3">#REF!</definedName>
    <definedName name="ﾄﾗｯｸｸﾚｰﾝ運転4.8_4.9t" localSheetId="10">#REF!</definedName>
    <definedName name="ﾄﾗｯｸｸﾚｰﾝ運転4.8_4.9t" localSheetId="1">#REF!</definedName>
    <definedName name="ﾄﾗｯｸｸﾚｰﾝ運転4.8_4.9t">#REF!</definedName>
    <definedName name="ﾄﾗｯｸｸﾚｰﾝ賃料4.9t" localSheetId="3">#REF!</definedName>
    <definedName name="ﾄﾗｯｸｸﾚｰﾝ賃料4.9t" localSheetId="10">#REF!</definedName>
    <definedName name="ﾄﾗｯｸｸﾚｰﾝ賃料4.9t" localSheetId="1">#REF!</definedName>
    <definedName name="ﾄﾗｯｸｸﾚｰﾝ賃料4.9t">#REF!</definedName>
    <definedName name="ﾄﾗｯｸ運転2t" localSheetId="3">#REF!</definedName>
    <definedName name="ﾄﾗｯｸ運転2t" localSheetId="10">#REF!</definedName>
    <definedName name="ﾄﾗｯｸ運転2t" localSheetId="1">#REF!</definedName>
    <definedName name="ﾄﾗｯｸ運転2t">#REF!</definedName>
    <definedName name="ﾄﾗｯｸ運転3_3.5t" localSheetId="3">#REF!</definedName>
    <definedName name="ﾄﾗｯｸ運転3_3.5t">#REF!</definedName>
    <definedName name="トンネル作業員" localSheetId="3">#REF!</definedName>
    <definedName name="トンネル作業員">#REF!</definedName>
    <definedName name="トンネル世話役" localSheetId="3">#REF!</definedName>
    <definedName name="トンネル世話役">#REF!</definedName>
    <definedName name="トンネル特殊工" localSheetId="3">#REF!</definedName>
    <definedName name="トンネル特殊工">#REF!</definedName>
    <definedName name="ﾊﾞｯｸﾎｳ0.1・" localSheetId="3">#REF!</definedName>
    <definedName name="ﾊﾞｯｸﾎｳ0.1・">#REF!</definedName>
    <definedName name="ﾊﾞｯｸﾎｳ0.2" localSheetId="3">#REF!</definedName>
    <definedName name="ﾊﾞｯｸﾎｳ0.2">#REF!</definedName>
    <definedName name="ﾊﾞｯｸﾎｳ0.35" localSheetId="3">#REF!</definedName>
    <definedName name="ﾊﾞｯｸﾎｳ0.35">#REF!</definedName>
    <definedName name="ハツリ" localSheetId="3">#REF!</definedName>
    <definedName name="ハツリ">#REF!</definedName>
    <definedName name="はつり工" localSheetId="3">#REF!</definedName>
    <definedName name="はつり工">#REF!</definedName>
    <definedName name="ﾊﾝﾄﾞﾎｰﾙ１" localSheetId="3">[4]愛駿寮公共下水道接続工事!#REF!</definedName>
    <definedName name="ﾊﾝﾄﾞﾎｰﾙ１">[4]愛駿寮公共下水道接続工事!#REF!</definedName>
    <definedName name="ﾊﾝﾄﾞﾎｰﾙ２" localSheetId="3">#REF!</definedName>
    <definedName name="ﾊﾝﾄﾞﾎｰﾙ２" localSheetId="10">#REF!</definedName>
    <definedName name="ﾊﾝﾄﾞﾎｰﾙ２" localSheetId="1">#REF!</definedName>
    <definedName name="ﾊﾝﾄﾞﾎｰﾙ２">#REF!</definedName>
    <definedName name="ふ" localSheetId="3">#REF!</definedName>
    <definedName name="ふ" localSheetId="10">#REF!</definedName>
    <definedName name="ふ" localSheetId="1">#REF!</definedName>
    <definedName name="ふ">#REF!</definedName>
    <definedName name="プリカ50" localSheetId="3">[11]ｹｰﾌﾞﾙ計!#REF!</definedName>
    <definedName name="プリカ50" localSheetId="10">[11]ｹｰﾌﾞﾙ計!#REF!</definedName>
    <definedName name="プリカ50" localSheetId="1">[11]ｹｰﾌﾞﾙ計!#REF!</definedName>
    <definedName name="プリカ50">[11]ｹｰﾌﾞﾙ計!#REF!</definedName>
    <definedName name="ブロック工" localSheetId="3">#REF!</definedName>
    <definedName name="ブロック工" localSheetId="10">#REF!</definedName>
    <definedName name="ブロック工" localSheetId="1">#REF!</definedName>
    <definedName name="ブロック工">#REF!</definedName>
    <definedName name="ポンプ">[4]歩・屋!$W$5</definedName>
    <definedName name="ポンプB">[4]歩・屋!$W$5</definedName>
    <definedName name="ﾒｰｶｰﾘｽﾄ" localSheetId="3">[24]見積･重量!#REF!</definedName>
    <definedName name="ﾒｰｶｰﾘｽﾄ" localSheetId="10">[24]見積･重量!#REF!</definedName>
    <definedName name="ﾒｰｶｰﾘｽﾄ" localSheetId="1">[24]見積･重量!#REF!</definedName>
    <definedName name="ﾒｰｶｰﾘｽﾄ">[24]見積･重量!#REF!</definedName>
    <definedName name="ﾒｰﾀｰφ13" localSheetId="3">#REF!</definedName>
    <definedName name="ﾒｰﾀｰφ13" localSheetId="10">#REF!</definedName>
    <definedName name="ﾒｰﾀｰφ13" localSheetId="1">#REF!</definedName>
    <definedName name="ﾒｰﾀｰφ13">#REF!</definedName>
    <definedName name="ﾒｰﾀｰφ16" localSheetId="3">#REF!</definedName>
    <definedName name="ﾒｰﾀｰφ16" localSheetId="10">#REF!</definedName>
    <definedName name="ﾒｰﾀｰφ16" localSheetId="1">#REF!</definedName>
    <definedName name="ﾒｰﾀｰφ16">#REF!</definedName>
    <definedName name="ﾒｰﾀｰφ20" localSheetId="3">#REF!</definedName>
    <definedName name="ﾒｰﾀｰφ20" localSheetId="10">#REF!</definedName>
    <definedName name="ﾒｰﾀｰφ20" localSheetId="1">#REF!</definedName>
    <definedName name="ﾒｰﾀｰφ20">#REF!</definedName>
    <definedName name="ﾒｰﾀｰφ25" localSheetId="3">#REF!</definedName>
    <definedName name="ﾒｰﾀｰφ25">#REF!</definedName>
    <definedName name="ﾒｰﾀｰφ40" localSheetId="3">#REF!</definedName>
    <definedName name="ﾒｰﾀｰφ40">#REF!</definedName>
    <definedName name="ﾒｽｱﾀﾞﾌﾟﾀｰφ20" localSheetId="3">#REF!</definedName>
    <definedName name="ﾒｽｱﾀﾞﾌﾟﾀｰφ20">#REF!</definedName>
    <definedName name="ﾒｽｱﾀﾞﾌﾟﾀｰφ25" localSheetId="3">#REF!</definedName>
    <definedName name="ﾒｽｱﾀﾞﾌﾟﾀｰφ25">#REF!</definedName>
    <definedName name="ﾒｽｱﾀﾞﾌﾟﾀｰφ40" localSheetId="3">#REF!</definedName>
    <definedName name="ﾒｽｱﾀﾞﾌﾟﾀｰφ40">#REF!</definedName>
    <definedName name="ﾒﾆｭｰ" localSheetId="3">#REF!</definedName>
    <definedName name="ﾒﾆｭｰ">#REF!</definedName>
    <definedName name="モタ" localSheetId="3">#REF!</definedName>
    <definedName name="モタ">#REF!</definedName>
    <definedName name="モルタ" localSheetId="3">#REF!</definedName>
    <definedName name="モルタ">#REF!</definedName>
    <definedName name="モルタル" localSheetId="3">#REF!</definedName>
    <definedName name="モルタル">#REF!</definedName>
    <definedName name="モルタル１２" localSheetId="3">#REF!</definedName>
    <definedName name="モルタル１２">#REF!</definedName>
    <definedName name="ﾛﾗｰ運転0.8_1.1t" localSheetId="3">#REF!</definedName>
    <definedName name="ﾛﾗｰ運転0.8_1.1t">#REF!</definedName>
    <definedName name="ﾛﾗｰ運転3.0_4.0t" localSheetId="3">#REF!</definedName>
    <definedName name="ﾛﾗｰ運転3.0_4.0t">#REF!</definedName>
    <definedName name="安全" localSheetId="3">#REF!</definedName>
    <definedName name="安全">#REF!</definedName>
    <definedName name="按分" localSheetId="3">#REF!</definedName>
    <definedName name="按分">#REF!</definedName>
    <definedName name="移動" localSheetId="3">#REF!</definedName>
    <definedName name="移動">#REF!</definedName>
    <definedName name="一" localSheetId="3">#REF!</definedName>
    <definedName name="一">#REF!</definedName>
    <definedName name="一位代価" localSheetId="3">#REF!</definedName>
    <definedName name="一位代価">#REF!</definedName>
    <definedName name="一般運転手" localSheetId="3">#REF!</definedName>
    <definedName name="一般運転手">#REF!</definedName>
    <definedName name="一般労務費" localSheetId="3">#REF!</definedName>
    <definedName name="一般労務費">#REF!</definedName>
    <definedName name="印刷" localSheetId="3">[25]!印刷</definedName>
    <definedName name="印刷">[25]!印刷</definedName>
    <definedName name="印刷05" localSheetId="3">#REF!</definedName>
    <definedName name="印刷05" localSheetId="10">#REF!</definedName>
    <definedName name="印刷05" localSheetId="1">#REF!</definedName>
    <definedName name="印刷05">#REF!</definedName>
    <definedName name="印刷1" localSheetId="3">[26]!印刷</definedName>
    <definedName name="印刷1">[26]!印刷</definedName>
    <definedName name="印刷10" localSheetId="3">#REF!</definedName>
    <definedName name="印刷10" localSheetId="10">#REF!</definedName>
    <definedName name="印刷10" localSheetId="1">#REF!</definedName>
    <definedName name="印刷10">#REF!</definedName>
    <definedName name="印刷2" localSheetId="3">#REF!</definedName>
    <definedName name="印刷2" localSheetId="10">#REF!</definedName>
    <definedName name="印刷2" localSheetId="1">#REF!</definedName>
    <definedName name="印刷2">#REF!</definedName>
    <definedName name="印刷20" localSheetId="3">#REF!</definedName>
    <definedName name="印刷20" localSheetId="10">#REF!</definedName>
    <definedName name="印刷20" localSheetId="1">#REF!</definedName>
    <definedName name="印刷20">#REF!</definedName>
    <definedName name="印刷3" localSheetId="3">[27]!印刷</definedName>
    <definedName name="印刷3">[27]!印刷</definedName>
    <definedName name="印刷30" localSheetId="3">#REF!</definedName>
    <definedName name="印刷30" localSheetId="10">#REF!</definedName>
    <definedName name="印刷30" localSheetId="1">#REF!</definedName>
    <definedName name="印刷30">#REF!</definedName>
    <definedName name="印刷40" localSheetId="3">#REF!</definedName>
    <definedName name="印刷40" localSheetId="10">#REF!</definedName>
    <definedName name="印刷40" localSheetId="1">#REF!</definedName>
    <definedName name="印刷40">#REF!</definedName>
    <definedName name="印刷50" localSheetId="3">#REF!</definedName>
    <definedName name="印刷50" localSheetId="10">#REF!</definedName>
    <definedName name="印刷50" localSheetId="1">#REF!</definedName>
    <definedName name="印刷50">#REF!</definedName>
    <definedName name="印刷7" localSheetId="3">#REF!</definedName>
    <definedName name="印刷7">#REF!</definedName>
    <definedName name="印刷8" localSheetId="3">#REF!</definedName>
    <definedName name="印刷8">#REF!</definedName>
    <definedName name="印刷EX" localSheetId="3">#REF!</definedName>
    <definedName name="印刷EX">#REF!</definedName>
    <definedName name="印刷範囲" localSheetId="3">#REF!</definedName>
    <definedName name="印刷範囲">#REF!</definedName>
    <definedName name="印刷表" localSheetId="3">[28]表紙!#REF!</definedName>
    <definedName name="印刷表">[28]表紙!#REF!</definedName>
    <definedName name="雨水濾過">[4]歩・屋!$W$8</definedName>
    <definedName name="運送費表示" localSheetId="3">#REF!</definedName>
    <definedName name="運送費表示" localSheetId="10">#REF!</definedName>
    <definedName name="運送費表示" localSheetId="1">#REF!</definedName>
    <definedName name="運送費表示">#REF!</definedName>
    <definedName name="運転手_一般" localSheetId="3">#REF!</definedName>
    <definedName name="運転手_一般" localSheetId="10">#REF!</definedName>
    <definedName name="運転手_一般" localSheetId="1">#REF!</definedName>
    <definedName name="運転手_一般">#REF!</definedName>
    <definedName name="運転手_特殊" localSheetId="3">#REF!</definedName>
    <definedName name="運転手_特殊" localSheetId="10">#REF!</definedName>
    <definedName name="運転手_特殊" localSheetId="1">#REF!</definedName>
    <definedName name="運転手_特殊">#REF!</definedName>
    <definedName name="運搬" localSheetId="3">#REF!</definedName>
    <definedName name="運搬">#REF!</definedName>
    <definedName name="営繕" localSheetId="3">#REF!</definedName>
    <definedName name="営繕">#REF!</definedName>
    <definedName name="汚水桝" localSheetId="3">[29]排水桝!#REF!</definedName>
    <definedName name="汚水桝">[29]排水桝!#REF!</definedName>
    <definedName name="横太線">#N/A</definedName>
    <definedName name="屋外ｶﾞｽ" localSheetId="3">#REF!</definedName>
    <definedName name="屋外ｶﾞｽ" localSheetId="10">#REF!</definedName>
    <definedName name="屋外ｶﾞｽ" localSheetId="1">#REF!</definedName>
    <definedName name="屋外ｶﾞｽ">#REF!</definedName>
    <definedName name="屋外給水" localSheetId="3">#REF!</definedName>
    <definedName name="屋外給水" localSheetId="10">#REF!</definedName>
    <definedName name="屋外給水" localSheetId="1">#REF!</definedName>
    <definedName name="屋外給水">#REF!</definedName>
    <definedName name="屋外排水" localSheetId="3">#REF!</definedName>
    <definedName name="屋外排水" localSheetId="10">#REF!</definedName>
    <definedName name="屋外排水" localSheetId="1">#REF!</definedName>
    <definedName name="屋外排水">#REF!</definedName>
    <definedName name="屋根">[1]外部!$A$1</definedName>
    <definedName name="屋根ふき工" localSheetId="3">#REF!</definedName>
    <definedName name="屋根ふき工" localSheetId="10">#REF!</definedName>
    <definedName name="屋根ふき工" localSheetId="1">#REF!</definedName>
    <definedName name="屋根ふき工">#REF!</definedName>
    <definedName name="屋内ｶﾞｽ" localSheetId="3">#REF!</definedName>
    <definedName name="屋内ｶﾞｽ" localSheetId="10">#REF!</definedName>
    <definedName name="屋内ｶﾞｽ" localSheetId="1">#REF!</definedName>
    <definedName name="屋内ｶﾞｽ">#REF!</definedName>
    <definedName name="屋内給水" localSheetId="3">#REF!</definedName>
    <definedName name="屋内給水" localSheetId="10">#REF!</definedName>
    <definedName name="屋内給水" localSheetId="1">#REF!</definedName>
    <definedName name="屋内給水">#REF!</definedName>
    <definedName name="屋内排水" localSheetId="3">#REF!</definedName>
    <definedName name="屋内排水">#REF!</definedName>
    <definedName name="化粧鏡" localSheetId="3">#REF!</definedName>
    <definedName name="化粧鏡">#REF!</definedName>
    <definedName name="仮">[30]亜鉛鉄板!$AP$1</definedName>
    <definedName name="仮ＮＯ" localSheetId="3">#REF!</definedName>
    <definedName name="仮ＮＯ" localSheetId="10">#REF!</definedName>
    <definedName name="仮ＮＯ" localSheetId="1">#REF!</definedName>
    <definedName name="仮ＮＯ">#REF!</definedName>
    <definedName name="仮囲い" localSheetId="10">[23]配管数量!仮囲い</definedName>
    <definedName name="仮囲い" localSheetId="1">内訳書!仮囲い</definedName>
    <definedName name="仮囲い">[0]!仮囲い</definedName>
    <definedName name="仮囲い１" localSheetId="10">[23]配管数量!仮囲い１</definedName>
    <definedName name="仮囲い１" localSheetId="1">内訳書!仮囲い１</definedName>
    <definedName name="仮囲い１">[0]!仮囲い１</definedName>
    <definedName name="仮囲い２" localSheetId="10">[23]配管数量!仮囲い２</definedName>
    <definedName name="仮囲い２" localSheetId="1">内訳書!仮囲い２</definedName>
    <definedName name="仮囲い２">[0]!仮囲い２</definedName>
    <definedName name="仮囲い３" localSheetId="10">[23]配管数量!仮囲い３</definedName>
    <definedName name="仮囲い３" localSheetId="1">内訳書!仮囲い３</definedName>
    <definedName name="仮囲い３">[0]!仮囲い３</definedName>
    <definedName name="仮囲い４" localSheetId="10">[23]配管数量!仮囲い４</definedName>
    <definedName name="仮囲い４" localSheetId="1">内訳書!仮囲い４</definedName>
    <definedName name="仮囲い４">[0]!仮囲い４</definedName>
    <definedName name="仮囲い５" localSheetId="10">[23]配管数量!仮囲い５</definedName>
    <definedName name="仮囲い５" localSheetId="1">内訳書!仮囲い５</definedName>
    <definedName name="仮囲い５">[0]!仮囲い５</definedName>
    <definedName name="仮設" localSheetId="3">#REF!</definedName>
    <definedName name="仮設" localSheetId="10">#REF!</definedName>
    <definedName name="仮設" localSheetId="1">#REF!</definedName>
    <definedName name="仮設">#REF!</definedName>
    <definedName name="開始頁" localSheetId="3">[28]表紙!#REF!</definedName>
    <definedName name="開始頁" localSheetId="10">[28]表紙!#REF!</definedName>
    <definedName name="開始頁" localSheetId="1">[28]表紙!#REF!</definedName>
    <definedName name="開始頁">[28]表紙!#REF!</definedName>
    <definedName name="外構">[1]外構!$A$1</definedName>
    <definedName name="外部建具">[1]外部!$A$193</definedName>
    <definedName name="確認0" localSheetId="3">#REF!</definedName>
    <definedName name="確認0" localSheetId="10">#REF!</definedName>
    <definedName name="確認0" localSheetId="1">#REF!</definedName>
    <definedName name="確認0">#REF!</definedName>
    <definedName name="換気" localSheetId="3">#REF!</definedName>
    <definedName name="換気" localSheetId="10">#REF!</definedName>
    <definedName name="換気" localSheetId="1">#REF!</definedName>
    <definedName name="換気">#REF!</definedName>
    <definedName name="環境" localSheetId="3">#REF!</definedName>
    <definedName name="環境" localSheetId="10">#REF!</definedName>
    <definedName name="環境" localSheetId="1">#REF!</definedName>
    <definedName name="環境">#REF!</definedName>
    <definedName name="管渠土工計算書" localSheetId="3">#REF!</definedName>
    <definedName name="管渠土工計算書">#REF!</definedName>
    <definedName name="器" localSheetId="3">#REF!</definedName>
    <definedName name="器">#REF!</definedName>
    <definedName name="基礎工" localSheetId="3">#REF!</definedName>
    <definedName name="基礎工">#REF!</definedName>
    <definedName name="既存校舎" localSheetId="3">[13]内訳書!#REF!</definedName>
    <definedName name="既存校舎">[13]内訳書!#REF!</definedName>
    <definedName name="機械一般率表" localSheetId="3">#REF!</definedName>
    <definedName name="機械一般率表" localSheetId="10">#REF!</definedName>
    <definedName name="機械一般率表" localSheetId="1">#REF!</definedName>
    <definedName name="機械一般率表">#REF!</definedName>
    <definedName name="機械仮設改率表" localSheetId="3">#REF!</definedName>
    <definedName name="機械仮設改率表" localSheetId="10">#REF!</definedName>
    <definedName name="機械仮設改率表" localSheetId="1">#REF!</definedName>
    <definedName name="機械仮設改率表">#REF!</definedName>
    <definedName name="機械仮設新率表" localSheetId="3">#REF!</definedName>
    <definedName name="機械仮設新率表" localSheetId="10">#REF!</definedName>
    <definedName name="機械仮設新率表" localSheetId="1">#REF!</definedName>
    <definedName name="機械仮設新率表">#REF!</definedName>
    <definedName name="機械現場改率表" localSheetId="3">#REF!</definedName>
    <definedName name="機械現場改率表">#REF!</definedName>
    <definedName name="機械現場新率表" localSheetId="3">#REF!</definedName>
    <definedName name="機械現場新率表">#REF!</definedName>
    <definedName name="機械設備据付工" localSheetId="3">#REF!</definedName>
    <definedName name="機械設備据付工">#REF!</definedName>
    <definedName name="記号" localSheetId="3">[31]表紙!#REF!</definedName>
    <definedName name="記号">[31]表紙!#REF!</definedName>
    <definedName name="記号3" localSheetId="3">[32]搬入据付様式!#REF!</definedName>
    <definedName name="記号3">[32]搬入据付様式!#REF!</definedName>
    <definedName name="記号4" localSheetId="3">[32]搬入据付様式!#REF!</definedName>
    <definedName name="記号4">[32]搬入据付様式!#REF!</definedName>
    <definedName name="記号5" localSheetId="3">[32]搬入据付様式!#REF!</definedName>
    <definedName name="記号5">[32]搬入据付様式!#REF!</definedName>
    <definedName name="記号6" localSheetId="3">[32]搬入据付様式!#REF!</definedName>
    <definedName name="記号6">[32]搬入据付様式!#REF!</definedName>
    <definedName name="軌道工" localSheetId="3">#REF!</definedName>
    <definedName name="軌道工" localSheetId="10">#REF!</definedName>
    <definedName name="軌道工" localSheetId="1">#REF!</definedName>
    <definedName name="軌道工">#REF!</definedName>
    <definedName name="鬼崎1" localSheetId="3">#REF!</definedName>
    <definedName name="鬼崎1" localSheetId="10">#REF!</definedName>
    <definedName name="鬼崎1" localSheetId="1">#REF!</definedName>
    <definedName name="鬼崎1">#REF!</definedName>
    <definedName name="技師_Ａ" localSheetId="3">#REF!</definedName>
    <definedName name="技師_Ａ" localSheetId="10">#REF!</definedName>
    <definedName name="技師_Ａ" localSheetId="1">#REF!</definedName>
    <definedName name="技師_Ａ">#REF!</definedName>
    <definedName name="技師_Ｂ" localSheetId="3">#REF!</definedName>
    <definedName name="技師_Ｂ">#REF!</definedName>
    <definedName name="技師_Ｃ" localSheetId="3">#REF!</definedName>
    <definedName name="技師_Ｃ">#REF!</definedName>
    <definedName name="技術" localSheetId="3">#REF!</definedName>
    <definedName name="技術">#REF!</definedName>
    <definedName name="技術員" localSheetId="3">#REF!</definedName>
    <definedName name="技術員">#REF!</definedName>
    <definedName name="技術者Ａ" localSheetId="3">#REF!</definedName>
    <definedName name="技術者Ａ">#REF!</definedName>
    <definedName name="技術者Ｂ" localSheetId="3">#REF!</definedName>
    <definedName name="技術者Ｂ">#REF!</definedName>
    <definedName name="吸出防止材" localSheetId="3">[33]明細書!#REF!</definedName>
    <definedName name="吸出防止材">[33]明細書!#REF!</definedName>
    <definedName name="給水PS" localSheetId="3">#REF!</definedName>
    <definedName name="給水PS" localSheetId="10">#REF!</definedName>
    <definedName name="給水PS" localSheetId="1">#REF!</definedName>
    <definedName name="給水PS">#REF!</definedName>
    <definedName name="給湯" localSheetId="3">#REF!</definedName>
    <definedName name="給湯" localSheetId="10">#REF!</definedName>
    <definedName name="給湯" localSheetId="1">#REF!</definedName>
    <definedName name="給湯">#REF!</definedName>
    <definedName name="共" localSheetId="3">#REF!</definedName>
    <definedName name="共" localSheetId="10">#REF!</definedName>
    <definedName name="共" localSheetId="1">#REF!</definedName>
    <definedName name="共">#REF!</definedName>
    <definedName name="共仮" localSheetId="3">#REF!</definedName>
    <definedName name="共仮">#REF!</definedName>
    <definedName name="共通" localSheetId="3">[1]仮設躯体!#REF!</definedName>
    <definedName name="共通">[1]仮設躯体!#REF!</definedName>
    <definedName name="橋梁世話役" localSheetId="3">#REF!</definedName>
    <definedName name="橋梁世話役" localSheetId="10">#REF!</definedName>
    <definedName name="橋梁世話役" localSheetId="1">#REF!</definedName>
    <definedName name="橋梁世話役">#REF!</definedName>
    <definedName name="橋梁塗装工" localSheetId="3">#REF!</definedName>
    <definedName name="橋梁塗装工" localSheetId="10">#REF!</definedName>
    <definedName name="橋梁塗装工" localSheetId="1">#REF!</definedName>
    <definedName name="橋梁塗装工">#REF!</definedName>
    <definedName name="橋梁特殊工" localSheetId="3">#REF!</definedName>
    <definedName name="橋梁特殊工" localSheetId="10">#REF!</definedName>
    <definedName name="橋梁特殊工" localSheetId="1">#REF!</definedName>
    <definedName name="橋梁特殊工">#REF!</definedName>
    <definedName name="業印" localSheetId="3">#REF!</definedName>
    <definedName name="業印">#REF!</definedName>
    <definedName name="金額" localSheetId="3">#REF!</definedName>
    <definedName name="金額">#REF!</definedName>
    <definedName name="金入り設計書" localSheetId="3">#REF!</definedName>
    <definedName name="金入り設計書">#REF!</definedName>
    <definedName name="金入設定" localSheetId="3">[10]表紙!#REF!</definedName>
    <definedName name="金入設定">[10]表紙!#REF!</definedName>
    <definedName name="金抜き設計書" localSheetId="3">#REF!</definedName>
    <definedName name="金抜き設計書" localSheetId="10">#REF!</definedName>
    <definedName name="金抜き設計書" localSheetId="1">#REF!</definedName>
    <definedName name="金抜き設計書">#REF!</definedName>
    <definedName name="金抜設定" localSheetId="3">[28]表紙!#REF!</definedName>
    <definedName name="金抜設定" localSheetId="10">[28]表紙!#REF!</definedName>
    <definedName name="金抜設定" localSheetId="1">[28]表紙!#REF!</definedName>
    <definedName name="金抜設定">[28]表紙!#REF!</definedName>
    <definedName name="躯体">[1]仮設躯体!$A$182</definedName>
    <definedName name="掘削" localSheetId="3">[8]表紙!#REF!</definedName>
    <definedName name="掘削">[8]表紙!#REF!</definedName>
    <definedName name="掘削梁" localSheetId="3">[8]表紙!#REF!</definedName>
    <definedName name="掘削梁">[8]表紙!#REF!</definedName>
    <definedName name="桑名市多度町" localSheetId="3">#REF!</definedName>
    <definedName name="桑名市多度町" localSheetId="10">#REF!</definedName>
    <definedName name="桑名市多度町" localSheetId="1">#REF!</definedName>
    <definedName name="桑名市多度町">#REF!</definedName>
    <definedName name="型わく工" localSheetId="3">#REF!</definedName>
    <definedName name="型わく工" localSheetId="10">#REF!</definedName>
    <definedName name="型わく工" localSheetId="1">#REF!</definedName>
    <definedName name="型わく工">#REF!</definedName>
    <definedName name="型枠_小型" localSheetId="3">#REF!</definedName>
    <definedName name="型枠_小型" localSheetId="10">#REF!</definedName>
    <definedName name="型枠_小型" localSheetId="1">#REF!</definedName>
    <definedName name="型枠_小型">#REF!</definedName>
    <definedName name="型枠_小型Ⅱ" localSheetId="3">#REF!</definedName>
    <definedName name="型枠_小型Ⅱ">#REF!</definedName>
    <definedName name="型枠_鉄筋" localSheetId="3">#REF!</definedName>
    <definedName name="型枠_鉄筋">#REF!</definedName>
    <definedName name="型枠_無筋" localSheetId="3">#REF!</definedName>
    <definedName name="型枠_無筋">#REF!</definedName>
    <definedName name="型枠工" localSheetId="3">#REF!</definedName>
    <definedName name="型枠工">#REF!</definedName>
    <definedName name="形状寸法" localSheetId="3">#REF!</definedName>
    <definedName name="形状寸法">#REF!</definedName>
    <definedName name="経費">[4]歩・屋!$W$3</definedName>
    <definedName name="経費率" localSheetId="3">#REF!</definedName>
    <definedName name="経費率" localSheetId="10">#REF!</definedName>
    <definedName name="経費率" localSheetId="1">#REF!</definedName>
    <definedName name="経費率">#REF!</definedName>
    <definedName name="継続" localSheetId="3">#REF!</definedName>
    <definedName name="継続" localSheetId="10">#REF!</definedName>
    <definedName name="継続" localSheetId="1">#REF!</definedName>
    <definedName name="継続">#REF!</definedName>
    <definedName name="罫非表示" localSheetId="3">#REF!</definedName>
    <definedName name="罫非表示" localSheetId="10">#REF!</definedName>
    <definedName name="罫非表示" localSheetId="1">#REF!</definedName>
    <definedName name="罫非表示">#REF!</definedName>
    <definedName name="罫表示" localSheetId="3">#REF!</definedName>
    <definedName name="罫表示">#REF!</definedName>
    <definedName name="計" localSheetId="3">#REF!</definedName>
    <definedName name="計">#REF!</definedName>
    <definedName name="軽作業員" localSheetId="3">#REF!</definedName>
    <definedName name="軽作業員">#REF!</definedName>
    <definedName name="軽油陸上用" localSheetId="3">#REF!</definedName>
    <definedName name="軽油陸上用">#REF!</definedName>
    <definedName name="桁" localSheetId="3">#REF!</definedName>
    <definedName name="桁">#REF!</definedName>
    <definedName name="月_1日" localSheetId="3">#REF!</definedName>
    <definedName name="月_1日">#REF!</definedName>
    <definedName name="建具工" localSheetId="3">#REF!</definedName>
    <definedName name="建具工">#REF!</definedName>
    <definedName name="建築">[1]内訳!$A$42</definedName>
    <definedName name="建築ﾌﾞﾛｯｸ工" localSheetId="3">#REF!</definedName>
    <definedName name="建築ﾌﾞﾛｯｸ工" localSheetId="10">#REF!</definedName>
    <definedName name="建築ﾌﾞﾛｯｸ工" localSheetId="1">#REF!</definedName>
    <definedName name="建築ﾌﾞﾛｯｸ工">#REF!</definedName>
    <definedName name="建築一般率表" localSheetId="3">#REF!</definedName>
    <definedName name="建築一般率表" localSheetId="10">#REF!</definedName>
    <definedName name="建築一般率表" localSheetId="1">#REF!</definedName>
    <definedName name="建築一般率表">#REF!</definedName>
    <definedName name="建築現場改率表" localSheetId="3">#REF!</definedName>
    <definedName name="建築現場改率表" localSheetId="10">#REF!</definedName>
    <definedName name="建築現場改率表" localSheetId="1">#REF!</definedName>
    <definedName name="建築現場改率表">#REF!</definedName>
    <definedName name="建築現場新率表" localSheetId="3">#REF!</definedName>
    <definedName name="建築現場新率表">#REF!</definedName>
    <definedName name="建築工事" localSheetId="3">#REF!</definedName>
    <definedName name="建築工事">#REF!</definedName>
    <definedName name="県名" localSheetId="3">#REF!</definedName>
    <definedName name="県名">#REF!</definedName>
    <definedName name="見積依頼業者" localSheetId="3">#REF!</definedName>
    <definedName name="見積依頼業者">#REF!</definedName>
    <definedName name="見積依頼業者リスト" localSheetId="3">#REF!</definedName>
    <definedName name="見積依頼業者リスト">#REF!</definedName>
    <definedName name="見積空調" localSheetId="3">'[34]代価表 '!#REF!</definedName>
    <definedName name="見積空調">'[34]代価表 '!#REF!</definedName>
    <definedName name="見積比較換気">'[35]代価表 '!$Z$2</definedName>
    <definedName name="見積比較表">'[36]代価表 '!$Z$2</definedName>
    <definedName name="見比衛生2" localSheetId="3">'[37]代価表 '!#REF!</definedName>
    <definedName name="見比衛生2" localSheetId="10">'[37]代価表 '!#REF!</definedName>
    <definedName name="見比衛生2" localSheetId="1">'[37]代価表 '!#REF!</definedName>
    <definedName name="見比衛生2">'[37]代価表 '!#REF!</definedName>
    <definedName name="原価" localSheetId="3">#REF!</definedName>
    <definedName name="原価" localSheetId="10">#REF!</definedName>
    <definedName name="原価" localSheetId="1">#REF!</definedName>
    <definedName name="原価">#REF!</definedName>
    <definedName name="現" localSheetId="3">#REF!</definedName>
    <definedName name="現" localSheetId="10">#REF!</definedName>
    <definedName name="現" localSheetId="1">#REF!</definedName>
    <definedName name="現">#REF!</definedName>
    <definedName name="現管" localSheetId="3">#REF!</definedName>
    <definedName name="現管" localSheetId="10">#REF!</definedName>
    <definedName name="現管" localSheetId="1">#REF!</definedName>
    <definedName name="現管">#REF!</definedName>
    <definedName name="現場管理費" localSheetId="3">#REF!</definedName>
    <definedName name="現場管理費">#REF!</definedName>
    <definedName name="呼出">#N/A</definedName>
    <definedName name="交通整理員" localSheetId="3">#REF!</definedName>
    <definedName name="交通整理員" localSheetId="10">#REF!</definedName>
    <definedName name="交通整理員" localSheetId="1">#REF!</definedName>
    <definedName name="交通整理員">#REF!</definedName>
    <definedName name="工事カ所名">[38]設計書入力!$DT$23:$DU$700</definedName>
    <definedName name="工事件名">[39]工事総括!$C$3</definedName>
    <definedName name="工事明細" localSheetId="3">#REF!</definedName>
    <definedName name="工事明細" localSheetId="10">#REF!</definedName>
    <definedName name="工事明細" localSheetId="1">#REF!</definedName>
    <definedName name="工事明細">#REF!</definedName>
    <definedName name="工場派遣労務費" localSheetId="3">#REF!</definedName>
    <definedName name="工場派遣労務費" localSheetId="10">#REF!</definedName>
    <definedName name="工場派遣労務費" localSheetId="1">#REF!</definedName>
    <definedName name="工場派遣労務費">#REF!</definedName>
    <definedName name="甲形止水栓φ20" localSheetId="3">#REF!</definedName>
    <definedName name="甲形止水栓φ20" localSheetId="10">#REF!</definedName>
    <definedName name="甲形止水栓φ20" localSheetId="1">#REF!</definedName>
    <definedName name="甲形止水栓φ20">#REF!</definedName>
    <definedName name="甲形止水栓φ25" localSheetId="3">#REF!</definedName>
    <definedName name="甲形止水栓φ25">#REF!</definedName>
    <definedName name="甲形止水栓φ40" localSheetId="3">#REF!</definedName>
    <definedName name="甲形止水栓φ40">#REF!</definedName>
    <definedName name="行削除" localSheetId="3">#REF!</definedName>
    <definedName name="行削除">#REF!</definedName>
    <definedName name="行数" localSheetId="3">#REF!</definedName>
    <definedName name="行数">#REF!</definedName>
    <definedName name="行数18">#N/A</definedName>
    <definedName name="行挿入" localSheetId="3">#REF!</definedName>
    <definedName name="行挿入" localSheetId="10">#REF!</definedName>
    <definedName name="行挿入" localSheetId="1">#REF!</definedName>
    <definedName name="行挿入">#REF!</definedName>
    <definedName name="鋼管" localSheetId="3">#REF!</definedName>
    <definedName name="鋼管" localSheetId="10">#REF!</definedName>
    <definedName name="鋼管" localSheetId="1">#REF!</definedName>
    <definedName name="鋼管">#REF!</definedName>
    <definedName name="鋼管φ20" localSheetId="3">#REF!</definedName>
    <definedName name="鋼管φ20" localSheetId="10">#REF!</definedName>
    <definedName name="鋼管φ20" localSheetId="1">#REF!</definedName>
    <definedName name="鋼管φ20">#REF!</definedName>
    <definedName name="鋼管φ25" localSheetId="3">#REF!</definedName>
    <definedName name="鋼管φ25">#REF!</definedName>
    <definedName name="鋼管φ40" localSheetId="3">#REF!</definedName>
    <definedName name="鋼管φ40">#REF!</definedName>
    <definedName name="鋼製加工品" localSheetId="3">#REF!</definedName>
    <definedName name="鋼製加工品">#REF!</definedName>
    <definedName name="高級船員" localSheetId="3">#REF!</definedName>
    <definedName name="高級船員">#REF!</definedName>
    <definedName name="根拠設定" localSheetId="3">[28]表紙!#REF!</definedName>
    <definedName name="根拠設定">[28]表紙!#REF!</definedName>
    <definedName name="根拠範囲">[4]歩・屋!$B$3:$AD$372</definedName>
    <definedName name="左官" localSheetId="3">#REF!</definedName>
    <definedName name="左官" localSheetId="10">#REF!</definedName>
    <definedName name="左官" localSheetId="1">#REF!</definedName>
    <definedName name="左官">#REF!</definedName>
    <definedName name="査定率" localSheetId="3">#REF!</definedName>
    <definedName name="査定率" localSheetId="10">#REF!</definedName>
    <definedName name="査定率" localSheetId="1">#REF!</definedName>
    <definedName name="査定率">#REF!</definedName>
    <definedName name="査定率表" localSheetId="3">[24]見積･重量!#REF!</definedName>
    <definedName name="査定率表" localSheetId="10">[24]見積･重量!#REF!</definedName>
    <definedName name="査定率表" localSheetId="1">[24]見積･重量!#REF!</definedName>
    <definedName name="査定率表">[24]見積･重量!#REF!</definedName>
    <definedName name="砕石">[40]一位代価表!$F$147</definedName>
    <definedName name="細粒度AS" localSheetId="3">#REF!</definedName>
    <definedName name="細粒度AS" localSheetId="10">#REF!</definedName>
    <definedName name="細粒度AS" localSheetId="1">#REF!</definedName>
    <definedName name="細粒度AS">#REF!</definedName>
    <definedName name="材種">[41]鉄骨DATA!$A$2:$A$10</definedName>
    <definedName name="削除" localSheetId="3">#REF!</definedName>
    <definedName name="削除" localSheetId="10">#REF!</definedName>
    <definedName name="削除" localSheetId="1">#REF!</definedName>
    <definedName name="削除">#REF!</definedName>
    <definedName name="撮影士" localSheetId="3">#REF!</definedName>
    <definedName name="撮影士" localSheetId="10">#REF!</definedName>
    <definedName name="撮影士" localSheetId="1">#REF!</definedName>
    <definedName name="撮影士">#REF!</definedName>
    <definedName name="撮影助手" localSheetId="3">#REF!</definedName>
    <definedName name="撮影助手" localSheetId="10">#REF!</definedName>
    <definedName name="撮影助手" localSheetId="1">#REF!</definedName>
    <definedName name="撮影助手">#REF!</definedName>
    <definedName name="雑材率" localSheetId="3">#REF!</definedName>
    <definedName name="雑材率">#REF!</definedName>
    <definedName name="山砂" localSheetId="3">#REF!</definedName>
    <definedName name="山砂">#REF!</definedName>
    <definedName name="山林砂防工" localSheetId="3">#REF!</definedName>
    <definedName name="山林砂防工">#REF!</definedName>
    <definedName name="酸素" localSheetId="3">#REF!</definedName>
    <definedName name="酸素">#REF!</definedName>
    <definedName name="残土自由処分" localSheetId="3">#REF!</definedName>
    <definedName name="残土自由処分">#REF!</definedName>
    <definedName name="施工区分" localSheetId="3">#REF!</definedName>
    <definedName name="施工区分">#REF!</definedName>
    <definedName name="室内">[1]内訳!$A$249</definedName>
    <definedName name="実行" localSheetId="3">#REF!</definedName>
    <definedName name="実行" localSheetId="10">#REF!</definedName>
    <definedName name="実行" localSheetId="1">#REF!</definedName>
    <definedName name="実行">#REF!</definedName>
    <definedName name="主任技師" localSheetId="3">#REF!</definedName>
    <definedName name="主任技師" localSheetId="10">#REF!</definedName>
    <definedName name="主任技師" localSheetId="1">#REF!</definedName>
    <definedName name="主任技師">#REF!</definedName>
    <definedName name="主任技術者" localSheetId="3">#REF!</definedName>
    <definedName name="主任技術者" localSheetId="10">#REF!</definedName>
    <definedName name="主任技術者" localSheetId="1">#REF!</definedName>
    <definedName name="主任技術者">#REF!</definedName>
    <definedName name="主任地質調査員" localSheetId="3">#REF!</definedName>
    <definedName name="主任地質調査員">#REF!</definedName>
    <definedName name="種別" localSheetId="3">[24]見積･重量!#REF!</definedName>
    <definedName name="種別">[24]見積･重量!#REF!</definedName>
    <definedName name="修正" localSheetId="3">[10]表紙!#REF!</definedName>
    <definedName name="修正">[10]表紙!#REF!</definedName>
    <definedName name="修正1" localSheetId="3">[10]表紙!#REF!</definedName>
    <definedName name="修正1">[10]表紙!#REF!</definedName>
    <definedName name="修正2" localSheetId="3">[10]表紙!#REF!</definedName>
    <definedName name="修正2">[10]表紙!#REF!</definedName>
    <definedName name="修正3" localSheetId="3">[10]表紙!#REF!</definedName>
    <definedName name="修正3">[10]表紙!#REF!</definedName>
    <definedName name="修正4" localSheetId="3">[10]表紙!#REF!</definedName>
    <definedName name="修正4">[10]表紙!#REF!</definedName>
    <definedName name="修正5" localSheetId="3">[28]表紙!#REF!</definedName>
    <definedName name="修正5">[28]表紙!#REF!</definedName>
    <definedName name="修正6" localSheetId="3">[28]表紙!#REF!</definedName>
    <definedName name="修正6">[28]表紙!#REF!</definedName>
    <definedName name="修正年月">[42]目次!$B$2</definedName>
    <definedName name="終了">#N/A</definedName>
    <definedName name="出力" localSheetId="3">#REF!</definedName>
    <definedName name="出力" localSheetId="10">#REF!</definedName>
    <definedName name="出力" localSheetId="1">#REF!</definedName>
    <definedName name="出力">#REF!</definedName>
    <definedName name="出力２">'[4]#REF'!$U$5:$AK$5</definedName>
    <definedName name="準備" localSheetId="3">#REF!</definedName>
    <definedName name="準備" localSheetId="10">#REF!</definedName>
    <definedName name="準備" localSheetId="1">#REF!</definedName>
    <definedName name="準備">#REF!</definedName>
    <definedName name="純元" localSheetId="3">#REF!</definedName>
    <definedName name="純元" localSheetId="10">#REF!</definedName>
    <definedName name="純元" localSheetId="1">#REF!</definedName>
    <definedName name="純元">#REF!</definedName>
    <definedName name="純工" localSheetId="3">#REF!</definedName>
    <definedName name="純工" localSheetId="10">#REF!</definedName>
    <definedName name="純工" localSheetId="1">#REF!</definedName>
    <definedName name="純工">#REF!</definedName>
    <definedName name="処分費" localSheetId="10">[23]配管数量!処分費</definedName>
    <definedName name="処分費" localSheetId="1">内訳書!処分費</definedName>
    <definedName name="処分費">[0]!処分費</definedName>
    <definedName name="処分費１" localSheetId="10">[23]配管数量!処分費１</definedName>
    <definedName name="処分費１" localSheetId="1">内訳書!処分費１</definedName>
    <definedName name="処分費１">[0]!処分費１</definedName>
    <definedName name="処分費２" localSheetId="10">[23]配管数量!処分費２</definedName>
    <definedName name="処分費２" localSheetId="1">内訳書!処分費２</definedName>
    <definedName name="処分費２">[0]!処分費２</definedName>
    <definedName name="処分費３" localSheetId="10">[23]配管数量!処分費３</definedName>
    <definedName name="処分費３" localSheetId="1">内訳書!処分費３</definedName>
    <definedName name="処分費３">[0]!処分費３</definedName>
    <definedName name="小計">[38]設計書入力!$FD$21:$GH$23</definedName>
    <definedName name="小配管" localSheetId="3">#REF!</definedName>
    <definedName name="小配管" localSheetId="10">#REF!</definedName>
    <definedName name="小配管" localSheetId="1">#REF!</definedName>
    <definedName name="小配管">#REF!</definedName>
    <definedName name="小配管弁類" localSheetId="3">#REF!</definedName>
    <definedName name="小配管弁類" localSheetId="10">#REF!</definedName>
    <definedName name="小配管弁類" localSheetId="1">#REF!</definedName>
    <definedName name="小配管弁類">#REF!</definedName>
    <definedName name="小便器" localSheetId="3">#REF!</definedName>
    <definedName name="小便器" localSheetId="10">#REF!</definedName>
    <definedName name="小便器" localSheetId="1">#REF!</definedName>
    <definedName name="小便器">#REF!</definedName>
    <definedName name="松阪市" localSheetId="3">#REF!</definedName>
    <definedName name="松阪市">#REF!</definedName>
    <definedName name="照明器具_K201" localSheetId="3">#REF!</definedName>
    <definedName name="照明器具_K201">#REF!</definedName>
    <definedName name="省略単価" localSheetId="3">#REF!</definedName>
    <definedName name="省略単価">#REF!</definedName>
    <definedName name="条件" localSheetId="3">#REF!</definedName>
    <definedName name="条件">#REF!</definedName>
    <definedName name="浄化槽" localSheetId="3">#REF!</definedName>
    <definedName name="浄化槽">#REF!</definedName>
    <definedName name="伸縮止水栓φ20" localSheetId="3">#REF!</definedName>
    <definedName name="伸縮止水栓φ20">#REF!</definedName>
    <definedName name="伸縮止水栓φ20×φ13" localSheetId="3">#REF!</definedName>
    <definedName name="伸縮止水栓φ20×φ13">#REF!</definedName>
    <definedName name="伸縮止水栓φ20×φ16" localSheetId="3">#REF!</definedName>
    <definedName name="伸縮止水栓φ20×φ16">#REF!</definedName>
    <definedName name="伸縮止水栓φ25" localSheetId="3">#REF!</definedName>
    <definedName name="伸縮止水栓φ25">#REF!</definedName>
    <definedName name="伸縮止水栓φ40" localSheetId="3">#REF!</definedName>
    <definedName name="伸縮止水栓φ40">#REF!</definedName>
    <definedName name="新設・撤去・再用区分" localSheetId="3">#REF!</definedName>
    <definedName name="新設・撤去・再用区分">#REF!</definedName>
    <definedName name="人工集計表" localSheetId="3">#REF!</definedName>
    <definedName name="人工集計表">#REF!</definedName>
    <definedName name="人力床堀" localSheetId="3">#REF!</definedName>
    <definedName name="人力床堀">#REF!</definedName>
    <definedName name="人力埋戻工" localSheetId="3">#REF!</definedName>
    <definedName name="人力埋戻工">#REF!</definedName>
    <definedName name="人力埋戻工ﾀﾝﾊﾟｰ" localSheetId="3">#REF!</definedName>
    <definedName name="人力埋戻工ﾀﾝﾊﾟｰ">#REF!</definedName>
    <definedName name="水槽_FRP">[4]歩・屋!$W$6</definedName>
    <definedName name="水槽_鉄">[4]歩・屋!$W$7</definedName>
    <definedName name="水中ポンプ">[40]一位代価表!$F$223</definedName>
    <definedName name="数値" localSheetId="3">#REF!</definedName>
    <definedName name="数値" localSheetId="10">#REF!</definedName>
    <definedName name="数値" localSheetId="1">#REF!</definedName>
    <definedName name="数値">#REF!</definedName>
    <definedName name="数値コピー" localSheetId="3">#REF!</definedName>
    <definedName name="数値コピー" localSheetId="10">#REF!</definedName>
    <definedName name="数値コピー" localSheetId="1">#REF!</definedName>
    <definedName name="数値コピー">#REF!</definedName>
    <definedName name="数量" localSheetId="3">#REF!</definedName>
    <definedName name="数量" localSheetId="10">#REF!</definedName>
    <definedName name="数量" localSheetId="1">#REF!</definedName>
    <definedName name="数量">#REF!</definedName>
    <definedName name="数量1" localSheetId="3">#REF!</definedName>
    <definedName name="数量1">#REF!</definedName>
    <definedName name="整備士" localSheetId="3">#REF!</definedName>
    <definedName name="整備士">#REF!</definedName>
    <definedName name="生コンFｰ160" localSheetId="3">#REF!</definedName>
    <definedName name="生コンFｰ160">#REF!</definedName>
    <definedName name="生コンFｰ210" localSheetId="3">#REF!</definedName>
    <definedName name="生コンFｰ210">#REF!</definedName>
    <definedName name="請負額算定" localSheetId="3">[43]!印刷</definedName>
    <definedName name="請負額算定">[43]!印刷</definedName>
    <definedName name="石工" localSheetId="3">#REF!</definedName>
    <definedName name="石工" localSheetId="10">#REF!</definedName>
    <definedName name="石工" localSheetId="1">#REF!</definedName>
    <definedName name="石工">#REF!</definedName>
    <definedName name="切込砕石Cｰ30" localSheetId="3">#REF!</definedName>
    <definedName name="切込砕石Cｰ30" localSheetId="10">#REF!</definedName>
    <definedName name="切込砕石Cｰ30" localSheetId="1">#REF!</definedName>
    <definedName name="切込砕石Cｰ30">#REF!</definedName>
    <definedName name="切込砕石Cｰ40" localSheetId="3">#REF!</definedName>
    <definedName name="切込砕石Cｰ40" localSheetId="10">#REF!</definedName>
    <definedName name="切込砕石Cｰ40" localSheetId="1">#REF!</definedName>
    <definedName name="切込砕石Cｰ40">#REF!</definedName>
    <definedName name="切込砕石Cｰ80" localSheetId="3">#REF!</definedName>
    <definedName name="切込砕石Cｰ80">#REF!</definedName>
    <definedName name="設計" localSheetId="3">[31]表紙!#REF!</definedName>
    <definedName name="設計">[31]表紙!#REF!</definedName>
    <definedName name="設計技術員" localSheetId="3">#REF!</definedName>
    <definedName name="設計技術員" localSheetId="10">#REF!</definedName>
    <definedName name="設計技術員" localSheetId="1">#REF!</definedName>
    <definedName name="設計技術員">#REF!</definedName>
    <definedName name="設計書表紙金入" localSheetId="3">#REF!</definedName>
    <definedName name="設計書表紙金入" localSheetId="10">#REF!</definedName>
    <definedName name="設計書表紙金入" localSheetId="1">#REF!</definedName>
    <definedName name="設計書表紙金入">#REF!</definedName>
    <definedName name="設計書表紙金抜" localSheetId="3">#REF!</definedName>
    <definedName name="設計書表紙金抜" localSheetId="10">#REF!</definedName>
    <definedName name="設計書表紙金抜" localSheetId="1">#REF!</definedName>
    <definedName name="設計書表紙金抜">#REF!</definedName>
    <definedName name="設備機械工" localSheetId="3">#REF!</definedName>
    <definedName name="設備機械工">#REF!</definedName>
    <definedName name="洗面器" localSheetId="3">#REF!</definedName>
    <definedName name="洗面器">#REF!</definedName>
    <definedName name="潜かん工" localSheetId="3">#REF!</definedName>
    <definedName name="潜かん工">#REF!</definedName>
    <definedName name="潜かん世話役" localSheetId="3">#REF!</definedName>
    <definedName name="潜かん世話役">#REF!</definedName>
    <definedName name="潜水士" localSheetId="3">#REF!</definedName>
    <definedName name="潜水士">#REF!</definedName>
    <definedName name="潜水世話役" localSheetId="3">#REF!</definedName>
    <definedName name="潜水世話役">#REF!</definedName>
    <definedName name="潜水送気員" localSheetId="3">#REF!</definedName>
    <definedName name="潜水送気員">#REF!</definedName>
    <definedName name="潜水連絡員" localSheetId="3">#REF!</definedName>
    <definedName name="潜水連絡員">#REF!</definedName>
    <definedName name="船団長" localSheetId="3">#REF!</definedName>
    <definedName name="船団長">#REF!</definedName>
    <definedName name="全頁印刷" localSheetId="3">[10]表紙!#REF!</definedName>
    <definedName name="全頁印刷">[10]表紙!#REF!</definedName>
    <definedName name="粗粒AS" localSheetId="3">#REF!</definedName>
    <definedName name="粗粒AS" localSheetId="10">#REF!</definedName>
    <definedName name="粗粒AS" localSheetId="1">#REF!</definedName>
    <definedName name="粗粒AS">#REF!</definedName>
    <definedName name="創" localSheetId="3">#REF!</definedName>
    <definedName name="創" localSheetId="10">#REF!</definedName>
    <definedName name="創" localSheetId="1">#REF!</definedName>
    <definedName name="創">#REF!</definedName>
    <definedName name="操縦士" localSheetId="3">#REF!</definedName>
    <definedName name="操縦士" localSheetId="10">#REF!</definedName>
    <definedName name="操縦士" localSheetId="1">#REF!</definedName>
    <definedName name="操縦士">#REF!</definedName>
    <definedName name="総括">[1]内訳!$A$1</definedName>
    <definedName name="造園工" localSheetId="3">#REF!</definedName>
    <definedName name="造園工" localSheetId="10">#REF!</definedName>
    <definedName name="造園工" localSheetId="1">#REF!</definedName>
    <definedName name="造園工">#REF!</definedName>
    <definedName name="測量技師" localSheetId="3">#REF!</definedName>
    <definedName name="測量技師" localSheetId="10">#REF!</definedName>
    <definedName name="測量技師" localSheetId="1">#REF!</definedName>
    <definedName name="測量技師">#REF!</definedName>
    <definedName name="測量技師補" localSheetId="3">#REF!</definedName>
    <definedName name="測量技師補" localSheetId="10">#REF!</definedName>
    <definedName name="測量技師補" localSheetId="1">#REF!</definedName>
    <definedName name="測量技師補">#REF!</definedName>
    <definedName name="測量主任技師" localSheetId="3">#REF!</definedName>
    <definedName name="測量主任技師">#REF!</definedName>
    <definedName name="測量助手" localSheetId="3">#REF!</definedName>
    <definedName name="測量助手">#REF!</definedName>
    <definedName name="測量上級主任技師" localSheetId="3">#REF!</definedName>
    <definedName name="測量上級主任技師">#REF!</definedName>
    <definedName name="続" localSheetId="3">#REF!</definedName>
    <definedName name="続">#REF!</definedName>
    <definedName name="多度" localSheetId="3">#REF!</definedName>
    <definedName name="多度">#REF!</definedName>
    <definedName name="多度内訳書その２" localSheetId="3">#REF!</definedName>
    <definedName name="多度内訳書その２">#REF!</definedName>
    <definedName name="太罫線" localSheetId="3">#REF!</definedName>
    <definedName name="太罫線">#REF!</definedName>
    <definedName name="耐震水槽">[4]歩・屋!$W$11</definedName>
    <definedName name="代価根拠範囲">[4]歩・屋!$B$3:$AD$362</definedName>
    <definedName name="代価電気">[44]一位代価!$1:$1048576</definedName>
    <definedName name="大工" localSheetId="3">#REF!</definedName>
    <definedName name="大工" localSheetId="10">#REF!</definedName>
    <definedName name="大工" localSheetId="1">#REF!</definedName>
    <definedName name="大工">#REF!</definedName>
    <definedName name="大便器" localSheetId="3">#REF!</definedName>
    <definedName name="大便器" localSheetId="10">#REF!</definedName>
    <definedName name="大便器" localSheetId="1">#REF!</definedName>
    <definedName name="大便器">#REF!</definedName>
    <definedName name="単位" localSheetId="3">#REF!</definedName>
    <definedName name="単位" localSheetId="10">#REF!</definedName>
    <definedName name="単位" localSheetId="1">#REF!</definedName>
    <definedName name="単位">#REF!</definedName>
    <definedName name="単価" localSheetId="3">#REF!</definedName>
    <definedName name="単価">#REF!</definedName>
    <definedName name="単価コード">[45]単価コード!$B:$H</definedName>
    <definedName name="地質調査員" localSheetId="3">#REF!</definedName>
    <definedName name="地質調査員" localSheetId="10">#REF!</definedName>
    <definedName name="地質調査員" localSheetId="1">#REF!</definedName>
    <definedName name="地質調査員">#REF!</definedName>
    <definedName name="地質調査技師" localSheetId="3">#REF!</definedName>
    <definedName name="地質調査技師" localSheetId="10">#REF!</definedName>
    <definedName name="地質調査技師" localSheetId="1">#REF!</definedName>
    <definedName name="地質調査技師">#REF!</definedName>
    <definedName name="中部" localSheetId="3">#REF!</definedName>
    <definedName name="中部" localSheetId="10">#REF!</definedName>
    <definedName name="中部" localSheetId="1">#REF!</definedName>
    <definedName name="中部">#REF!</definedName>
    <definedName name="鋳鉄管" localSheetId="3">#REF!</definedName>
    <definedName name="鋳鉄管">#REF!</definedName>
    <definedName name="鋳鉄管切断機500以下" localSheetId="3">#REF!</definedName>
    <definedName name="鋳鉄管切断機500以下">#REF!</definedName>
    <definedName name="鋳鉄管弁類" localSheetId="3">#REF!</definedName>
    <definedName name="鋳鉄管弁類">#REF!</definedName>
    <definedName name="直仮">[1]内訳!$A$79</definedName>
    <definedName name="直工" localSheetId="3">#REF!</definedName>
    <definedName name="直工" localSheetId="10">#REF!</definedName>
    <definedName name="直工" localSheetId="1">#REF!</definedName>
    <definedName name="直工">#REF!</definedName>
    <definedName name="直接工事費" localSheetId="3">#REF!</definedName>
    <definedName name="直接工事費" localSheetId="10">#REF!</definedName>
    <definedName name="直接工事費" localSheetId="1">#REF!</definedName>
    <definedName name="直接工事費">#REF!</definedName>
    <definedName name="低減率" localSheetId="3">#REF!</definedName>
    <definedName name="低減率" localSheetId="10">#REF!</definedName>
    <definedName name="低減率" localSheetId="1">#REF!</definedName>
    <definedName name="低減率">#REF!</definedName>
    <definedName name="提出範囲">[4]歩・屋!$B$3:$V$372</definedName>
    <definedName name="適用２" localSheetId="3">#REF!</definedName>
    <definedName name="適用２" localSheetId="10">#REF!</definedName>
    <definedName name="適用２" localSheetId="1">#REF!</definedName>
    <definedName name="適用２">#REF!</definedName>
    <definedName name="撤去" localSheetId="3">#REF!</definedName>
    <definedName name="撤去" localSheetId="10">#REF!</definedName>
    <definedName name="撤去" localSheetId="1">#REF!</definedName>
    <definedName name="撤去">#REF!</definedName>
    <definedName name="鉄管" localSheetId="3">#REF!</definedName>
    <definedName name="鉄管" localSheetId="10">#REF!</definedName>
    <definedName name="鉄管" localSheetId="1">#REF!</definedName>
    <definedName name="鉄管">#REF!</definedName>
    <definedName name="鉄筋工" localSheetId="3">#REF!</definedName>
    <definedName name="鉄筋工">#REF!</definedName>
    <definedName name="鉄骨工" localSheetId="3">#REF!</definedName>
    <definedName name="鉄骨工">#REF!</definedName>
    <definedName name="田端" localSheetId="3">#REF!</definedName>
    <definedName name="田端">#REF!</definedName>
    <definedName name="電気一般率表" localSheetId="3">#REF!</definedName>
    <definedName name="電気一般率表">#REF!</definedName>
    <definedName name="電気温水器">[4]歩・屋!$W$9</definedName>
    <definedName name="電気温水器B">[4]歩・屋!$W$9</definedName>
    <definedName name="電気仮設改率表" localSheetId="3">#REF!</definedName>
    <definedName name="電気仮設改率表" localSheetId="10">#REF!</definedName>
    <definedName name="電気仮設改率表" localSheetId="1">#REF!</definedName>
    <definedName name="電気仮設改率表">#REF!</definedName>
    <definedName name="電気仮設新率表" localSheetId="3">#REF!</definedName>
    <definedName name="電気仮設新率表" localSheetId="10">#REF!</definedName>
    <definedName name="電気仮設新率表" localSheetId="1">#REF!</definedName>
    <definedName name="電気仮設新率表">#REF!</definedName>
    <definedName name="電気現場改率表" localSheetId="3">#REF!</definedName>
    <definedName name="電気現場改率表" localSheetId="10">#REF!</definedName>
    <definedName name="電気現場改率表" localSheetId="1">#REF!</definedName>
    <definedName name="電気現場改率表">#REF!</definedName>
    <definedName name="電気現場新率表" localSheetId="3">#REF!</definedName>
    <definedName name="電気現場新率表">#REF!</definedName>
    <definedName name="電工" localSheetId="3">#REF!</definedName>
    <definedName name="電工">#REF!</definedName>
    <definedName name="電工1" localSheetId="3">[11]ｹｰﾌﾞﾙ計!#REF!</definedName>
    <definedName name="電工1">[11]ｹｰﾌﾞﾙ計!#REF!</definedName>
    <definedName name="電線管埋設" localSheetId="3">#REF!</definedName>
    <definedName name="電線管埋設" localSheetId="10">#REF!</definedName>
    <definedName name="電線管埋設" localSheetId="1">#REF!</definedName>
    <definedName name="電線管埋設">#REF!</definedName>
    <definedName name="電柱基礎" localSheetId="3">#REF!</definedName>
    <definedName name="電柱基礎" localSheetId="10">#REF!</definedName>
    <definedName name="電柱基礎" localSheetId="1">#REF!</definedName>
    <definedName name="電柱基礎">#REF!</definedName>
    <definedName name="吐" localSheetId="3">[22]内訳!#REF!</definedName>
    <definedName name="吐" localSheetId="10">[22]内訳!#REF!</definedName>
    <definedName name="吐" localSheetId="1">[22]内訳!#REF!</definedName>
    <definedName name="吐">[22]内訳!#REF!</definedName>
    <definedName name="吐１" localSheetId="3">[22]内訳!#REF!</definedName>
    <definedName name="吐１" localSheetId="10">[22]内訳!#REF!</definedName>
    <definedName name="吐１" localSheetId="1">[22]内訳!#REF!</definedName>
    <definedName name="吐１">[22]内訳!#REF!</definedName>
    <definedName name="吐出" localSheetId="3">[22]内訳!#REF!</definedName>
    <definedName name="吐出">[22]内訳!#REF!</definedName>
    <definedName name="吐出弁" localSheetId="3">[22]内訳!#REF!</definedName>
    <definedName name="吐出弁">[22]内訳!#REF!</definedName>
    <definedName name="塗装" localSheetId="3">#REF!</definedName>
    <definedName name="塗装" localSheetId="10">#REF!</definedName>
    <definedName name="塗装" localSheetId="1">#REF!</definedName>
    <definedName name="塗装">#REF!</definedName>
    <definedName name="塗装・被覆工" localSheetId="3">#REF!</definedName>
    <definedName name="塗装・被覆工" localSheetId="10">#REF!</definedName>
    <definedName name="塗装・被覆工" localSheetId="1">#REF!</definedName>
    <definedName name="塗装・被覆工">#REF!</definedName>
    <definedName name="塗装工" localSheetId="3">#REF!</definedName>
    <definedName name="塗装工" localSheetId="10">#REF!</definedName>
    <definedName name="塗装工" localSheetId="1">#REF!</definedName>
    <definedName name="塗装工">#REF!</definedName>
    <definedName name="塗装費" localSheetId="3">#REF!</definedName>
    <definedName name="塗装費">#REF!</definedName>
    <definedName name="土工" localSheetId="3">#REF!</definedName>
    <definedName name="土工" localSheetId="10">#REF!</definedName>
    <definedName name="土工">#REF!</definedName>
    <definedName name="土木一般世話役" localSheetId="3">#REF!</definedName>
    <definedName name="土木一般世話役" localSheetId="10">#REF!</definedName>
    <definedName name="土木一般世話役">#REF!</definedName>
    <definedName name="土木世話役" localSheetId="3">#REF!</definedName>
    <definedName name="土木世話役">#REF!</definedName>
    <definedName name="土留工" localSheetId="3">#REF!</definedName>
    <definedName name="土留工">#REF!</definedName>
    <definedName name="土量計算書" localSheetId="3">[8]表紙!#REF!</definedName>
    <definedName name="土量計算書">[8]表紙!#REF!</definedName>
    <definedName name="東海" localSheetId="3">#REF!</definedName>
    <definedName name="東海" localSheetId="10">#REF!</definedName>
    <definedName name="東海" localSheetId="1">#REF!</definedName>
    <definedName name="東海">#REF!</definedName>
    <definedName name="当り" localSheetId="3">#REF!</definedName>
    <definedName name="当り" localSheetId="10">#REF!</definedName>
    <definedName name="当り" localSheetId="1">#REF!</definedName>
    <definedName name="当り">#REF!</definedName>
    <definedName name="頭出しA" localSheetId="3">[6]修正履歴!#REF!</definedName>
    <definedName name="頭出しA" localSheetId="10">[6]修正履歴!#REF!</definedName>
    <definedName name="頭出しA" localSheetId="1">[6]修正履歴!#REF!</definedName>
    <definedName name="頭出しA">[6]修正履歴!#REF!</definedName>
    <definedName name="特殊運転手" localSheetId="3">#REF!</definedName>
    <definedName name="特殊運転手" localSheetId="10">#REF!</definedName>
    <definedName name="特殊運転手" localSheetId="1">#REF!</definedName>
    <definedName name="特殊運転手">#REF!</definedName>
    <definedName name="特殊作業員" localSheetId="3">#REF!</definedName>
    <definedName name="特殊作業員" localSheetId="10">#REF!</definedName>
    <definedName name="特殊作業員" localSheetId="1">#REF!</definedName>
    <definedName name="特殊作業員">#REF!</definedName>
    <definedName name="内屋根">[1]内訳!$A$153</definedName>
    <definedName name="内外構">[1]内訳!$A$361</definedName>
    <definedName name="内躯体">[1]内訳!$A$56</definedName>
    <definedName name="内装工" localSheetId="3">#REF!</definedName>
    <definedName name="内装工" localSheetId="10">#REF!</definedName>
    <definedName name="内装工" localSheetId="1">#REF!</definedName>
    <definedName name="内装工">#REF!</definedName>
    <definedName name="内部建具">[1]内部!$A$1</definedName>
    <definedName name="内部雑">[1]内訳!$A$316</definedName>
    <definedName name="内訳" localSheetId="3">[46]表紙!#REF!</definedName>
    <definedName name="内訳" localSheetId="10">[46]表紙!#REF!</definedName>
    <definedName name="内訳" localSheetId="1">[46]表紙!#REF!</definedName>
    <definedName name="内訳">[46]表紙!#REF!</definedName>
    <definedName name="内訳2" localSheetId="3">[47]内訳!#REF!</definedName>
    <definedName name="内訳2">[47]内訳!#REF!</definedName>
    <definedName name="内訳一覧" localSheetId="3">#REF!</definedName>
    <definedName name="内訳一覧" localSheetId="10">#REF!</definedName>
    <definedName name="内訳一覧" localSheetId="1">#REF!</definedName>
    <definedName name="内訳一覧">#REF!</definedName>
    <definedName name="内訳書" localSheetId="3">[48]別紙内訳!#REF!</definedName>
    <definedName name="内訳書" localSheetId="1">[48]別紙内訳!#REF!</definedName>
    <definedName name="内訳書">[48]別紙内訳!#REF!</definedName>
    <definedName name="二次" localSheetId="3">#REF!</definedName>
    <definedName name="二次" localSheetId="10">#REF!</definedName>
    <definedName name="二次" localSheetId="1">#REF!</definedName>
    <definedName name="二次">#REF!</definedName>
    <definedName name="入力" localSheetId="3">#REF!</definedName>
    <definedName name="入力" localSheetId="10">#REF!</definedName>
    <definedName name="入力" localSheetId="1">#REF!</definedName>
    <definedName name="入力">#REF!</definedName>
    <definedName name="入力項目印刷" localSheetId="3">#REF!</definedName>
    <definedName name="入力項目印刷" localSheetId="10">#REF!</definedName>
    <definedName name="入力項目印刷" localSheetId="1">#REF!</definedName>
    <definedName name="入力項目印刷">#REF!</definedName>
    <definedName name="入力項目表印刷" localSheetId="3">#REF!</definedName>
    <definedName name="入力項目表印刷">#REF!</definedName>
    <definedName name="廃材処分費" localSheetId="3">#REF!</definedName>
    <definedName name="廃材処分費">#REF!</definedName>
    <definedName name="排水">[49]排水器具・ﾄﾗｯﾌﾟ!$V$50:$AC$70</definedName>
    <definedName name="排水PS" localSheetId="3">#REF!</definedName>
    <definedName name="排水PS" localSheetId="10">#REF!</definedName>
    <definedName name="排水PS" localSheetId="1">#REF!</definedName>
    <definedName name="排水PS">#REF!</definedName>
    <definedName name="排水器具･ﾄﾗｯﾌﾟ等">[49]排水器具・ﾄﾗｯﾌﾟ!$V$50:$AC$70</definedName>
    <definedName name="配管工" localSheetId="3">#REF!</definedName>
    <definedName name="配管工" localSheetId="10">#REF!</definedName>
    <definedName name="配管工" localSheetId="1">#REF!</definedName>
    <definedName name="配管工">#REF!</definedName>
    <definedName name="配線器具" localSheetId="3">#REF!</definedName>
    <definedName name="配線器具" localSheetId="10">#REF!</definedName>
    <definedName name="配線器具" localSheetId="1">#REF!</definedName>
    <definedName name="配線器具">#REF!</definedName>
    <definedName name="剥離剤" localSheetId="3">#REF!</definedName>
    <definedName name="剥離剤" localSheetId="10">#REF!</definedName>
    <definedName name="剥離剤" localSheetId="1">#REF!</definedName>
    <definedName name="剥離剤">#REF!</definedName>
    <definedName name="八戸北2_PAC" localSheetId="3">#REF!</definedName>
    <definedName name="八戸北2_PAC">#REF!</definedName>
    <definedName name="搬送現場率表" localSheetId="3">#REF!</definedName>
    <definedName name="搬送現場率表">#REF!</definedName>
    <definedName name="板金工" localSheetId="3">#REF!</definedName>
    <definedName name="板金工">#REF!</definedName>
    <definedName name="番号" localSheetId="3">#REF!</definedName>
    <definedName name="番号">#REF!</definedName>
    <definedName name="盤基礎" localSheetId="3">#REF!</definedName>
    <definedName name="盤基礎">#REF!</definedName>
    <definedName name="比較" localSheetId="3">#REF!</definedName>
    <definedName name="比較">#REF!</definedName>
    <definedName name="費">'[50]代価表 '!$Z$6</definedName>
    <definedName name="表紙" localSheetId="3">#REF!</definedName>
    <definedName name="表紙" localSheetId="10">#REF!</definedName>
    <definedName name="表紙" localSheetId="1">#REF!</definedName>
    <definedName name="表紙">#REF!</definedName>
    <definedName name="不活性ガス">[4]歩・屋!$W$13</definedName>
    <definedName name="付属品率" localSheetId="3">#REF!</definedName>
    <definedName name="付属品率" localSheetId="10">#REF!</definedName>
    <definedName name="付属品率" localSheetId="1">#REF!</definedName>
    <definedName name="付属品率">#REF!</definedName>
    <definedName name="付帯">[1]付帯!$C$4</definedName>
    <definedName name="普作1" localSheetId="3">[11]ｹｰﾌﾞﾙ計!#REF!</definedName>
    <definedName name="普作1" localSheetId="10">[11]ｹｰﾌﾞﾙ計!#REF!</definedName>
    <definedName name="普作1" localSheetId="1">[11]ｹｰﾌﾞﾙ計!#REF!</definedName>
    <definedName name="普作1">[11]ｹｰﾌﾞﾙ計!#REF!</definedName>
    <definedName name="普通ｾﾒﾝﾄ" localSheetId="3">#REF!</definedName>
    <definedName name="普通ｾﾒﾝﾄ" localSheetId="10">#REF!</definedName>
    <definedName name="普通ｾﾒﾝﾄ" localSheetId="1">#REF!</definedName>
    <definedName name="普通ｾﾒﾝﾄ">#REF!</definedName>
    <definedName name="普通ｾﾒﾝﾄ_1000" localSheetId="3">#REF!</definedName>
    <definedName name="普通ｾﾒﾝﾄ_1000" localSheetId="10">#REF!</definedName>
    <definedName name="普通ｾﾒﾝﾄ_1000" localSheetId="1">#REF!</definedName>
    <definedName name="普通ｾﾒﾝﾄ_1000">#REF!</definedName>
    <definedName name="普通ｾﾒﾝﾄ50未満" localSheetId="3">#REF!</definedName>
    <definedName name="普通ｾﾒﾝﾄ50未満" localSheetId="10">#REF!</definedName>
    <definedName name="普通ｾﾒﾝﾄ50未満" localSheetId="1">#REF!</definedName>
    <definedName name="普通ｾﾒﾝﾄ50未満">#REF!</definedName>
    <definedName name="普通作業員" localSheetId="3">#REF!</definedName>
    <definedName name="普通作業員">#REF!</definedName>
    <definedName name="普通船員" localSheetId="3">#REF!</definedName>
    <definedName name="普通船員">#REF!</definedName>
    <definedName name="部分印刷" localSheetId="3">[28]表紙!#REF!</definedName>
    <definedName name="部分印刷">[28]表紙!#REF!</definedName>
    <definedName name="複合工集計表" localSheetId="3">#REF!</definedName>
    <definedName name="複合工集計表" localSheetId="10">#REF!</definedName>
    <definedName name="複合工集計表" localSheetId="1">#REF!</definedName>
    <definedName name="複合工集計表">#REF!</definedName>
    <definedName name="複合単価_001" localSheetId="3">#REF!</definedName>
    <definedName name="複合単価_001" localSheetId="10">#REF!</definedName>
    <definedName name="複合単価_001" localSheetId="1">#REF!</definedName>
    <definedName name="複合単価_001">#REF!</definedName>
    <definedName name="複合単価_002" localSheetId="3">#REF!</definedName>
    <definedName name="複合単価_002" localSheetId="10">#REF!</definedName>
    <definedName name="複合単価_002" localSheetId="1">#REF!</definedName>
    <definedName name="複合単価_002">#REF!</definedName>
    <definedName name="複合単価_003" localSheetId="3">#REF!</definedName>
    <definedName name="複合単価_003">#REF!</definedName>
    <definedName name="複合単価_004" localSheetId="3">#REF!</definedName>
    <definedName name="複合単価_004">#REF!</definedName>
    <definedName name="複合単価_005" localSheetId="3">#REF!</definedName>
    <definedName name="複合単価_005">#REF!</definedName>
    <definedName name="複合単価_006" localSheetId="3">#REF!</definedName>
    <definedName name="複合単価_006">#REF!</definedName>
    <definedName name="複合単価_007" localSheetId="3">#REF!</definedName>
    <definedName name="複合単価_007">#REF!</definedName>
    <definedName name="複合単価_008" localSheetId="3">#REF!</definedName>
    <definedName name="複合単価_008">#REF!</definedName>
    <definedName name="複合単価_009" localSheetId="3">#REF!</definedName>
    <definedName name="複合単価_009">#REF!</definedName>
    <definedName name="複合単価_010" localSheetId="3">#REF!</definedName>
    <definedName name="複合単価_010">#REF!</definedName>
    <definedName name="複合単価_011" localSheetId="3">#REF!</definedName>
    <definedName name="複合単価_011">#REF!</definedName>
    <definedName name="複合単価_012" localSheetId="3">#REF!</definedName>
    <definedName name="複合単価_012">#REF!</definedName>
    <definedName name="複合単価_013" localSheetId="3">#REF!</definedName>
    <definedName name="複合単価_013">#REF!</definedName>
    <definedName name="複合単価_014" localSheetId="3">#REF!</definedName>
    <definedName name="複合単価_014">#REF!</definedName>
    <definedName name="複合単価_015" localSheetId="3">#REF!</definedName>
    <definedName name="複合単価_015">#REF!</definedName>
    <definedName name="複合単価_016" localSheetId="3">#REF!</definedName>
    <definedName name="複合単価_016">#REF!</definedName>
    <definedName name="複合単価_017" localSheetId="3">#REF!</definedName>
    <definedName name="複合単価_017">#REF!</definedName>
    <definedName name="複合単価_018" localSheetId="3">#REF!</definedName>
    <definedName name="複合単価_018">#REF!</definedName>
    <definedName name="複合単価_019" localSheetId="3">#REF!</definedName>
    <definedName name="複合単価_019">#REF!</definedName>
    <definedName name="複合単価_020" localSheetId="3">#REF!</definedName>
    <definedName name="複合単価_020">#REF!</definedName>
    <definedName name="複合単価_021" localSheetId="3">#REF!</definedName>
    <definedName name="複合単価_021">#REF!</definedName>
    <definedName name="複合単価_022" localSheetId="3">#REF!</definedName>
    <definedName name="複合単価_022">#REF!</definedName>
    <definedName name="複合単価_023" localSheetId="3">#REF!</definedName>
    <definedName name="複合単価_023">#REF!</definedName>
    <definedName name="複合単価_024" localSheetId="3">#REF!</definedName>
    <definedName name="複合単価_024">#REF!</definedName>
    <definedName name="複合単価_025" localSheetId="3">#REF!</definedName>
    <definedName name="複合単価_025">#REF!</definedName>
    <definedName name="複合単価_026" localSheetId="3">#REF!</definedName>
    <definedName name="複合単価_026">#REF!</definedName>
    <definedName name="複合単価_027" localSheetId="3">#REF!</definedName>
    <definedName name="複合単価_027">#REF!</definedName>
    <definedName name="複合単価_028" localSheetId="3">#REF!</definedName>
    <definedName name="複合単価_028">#REF!</definedName>
    <definedName name="複合単価_029" localSheetId="3">#REF!</definedName>
    <definedName name="複合単価_029">#REF!</definedName>
    <definedName name="複合単価_030" localSheetId="3">#REF!</definedName>
    <definedName name="複合単価_030">#REF!</definedName>
    <definedName name="複合単価_031" localSheetId="3">#REF!</definedName>
    <definedName name="複合単価_031">#REF!</definedName>
    <definedName name="複合単価_032" localSheetId="3">#REF!</definedName>
    <definedName name="複合単価_032">#REF!</definedName>
    <definedName name="複合単価_033" localSheetId="3">#REF!</definedName>
    <definedName name="複合単価_033">#REF!</definedName>
    <definedName name="複合単価_034" localSheetId="3">#REF!</definedName>
    <definedName name="複合単価_034">#REF!</definedName>
    <definedName name="複合単価_035" localSheetId="3">#REF!</definedName>
    <definedName name="複合単価_035">#REF!</definedName>
    <definedName name="複合単価_036" localSheetId="3">#REF!</definedName>
    <definedName name="複合単価_036">#REF!</definedName>
    <definedName name="複合単価_037" localSheetId="3">#REF!</definedName>
    <definedName name="複合単価_037">#REF!</definedName>
    <definedName name="複合単価_038" localSheetId="3">#REF!</definedName>
    <definedName name="複合単価_038">#REF!</definedName>
    <definedName name="複合単価_039" localSheetId="3">#REF!</definedName>
    <definedName name="複合単価_039">#REF!</definedName>
    <definedName name="複合単価_040" localSheetId="3">#REF!</definedName>
    <definedName name="複合単価_040">#REF!</definedName>
    <definedName name="複合単価_041" localSheetId="3">#REF!</definedName>
    <definedName name="複合単価_041">#REF!</definedName>
    <definedName name="複合単価_042" localSheetId="3">#REF!</definedName>
    <definedName name="複合単価_042">#REF!</definedName>
    <definedName name="複合単価_043" localSheetId="3">#REF!</definedName>
    <definedName name="複合単価_043">#REF!</definedName>
    <definedName name="複合単価_044" localSheetId="3">#REF!</definedName>
    <definedName name="複合単価_044">#REF!</definedName>
    <definedName name="複合単価_045" localSheetId="3">#REF!</definedName>
    <definedName name="複合単価_045">#REF!</definedName>
    <definedName name="複合単価_046" localSheetId="3">#REF!</definedName>
    <definedName name="複合単価_046">#REF!</definedName>
    <definedName name="複合単価_047" localSheetId="3">#REF!</definedName>
    <definedName name="複合単価_047">#REF!</definedName>
    <definedName name="複合単価_048" localSheetId="3">#REF!</definedName>
    <definedName name="複合単価_048">#REF!</definedName>
    <definedName name="複合単価_049" localSheetId="3">#REF!</definedName>
    <definedName name="複合単価_049">#REF!</definedName>
    <definedName name="複合単価_050" localSheetId="3">#REF!</definedName>
    <definedName name="複合単価_050">#REF!</definedName>
    <definedName name="複合単価_051" localSheetId="3">#REF!</definedName>
    <definedName name="複合単価_051">#REF!</definedName>
    <definedName name="複合単価_052" localSheetId="3">#REF!</definedName>
    <definedName name="複合単価_052">#REF!</definedName>
    <definedName name="複写" localSheetId="3">#REF!</definedName>
    <definedName name="複写">#REF!</definedName>
    <definedName name="複写範囲" localSheetId="3">#REF!</definedName>
    <definedName name="複写範囲">#REF!</definedName>
    <definedName name="兵庫県都まちづくり部設備課" localSheetId="3">[51]小項目!#REF!</definedName>
    <definedName name="兵庫県都まちづくり部設備課">[51]小項目!#REF!</definedName>
    <definedName name="頁枚数" localSheetId="3">[10]表紙!#REF!</definedName>
    <definedName name="頁枚数">[10]表紙!#REF!</definedName>
    <definedName name="別途">[1]付帯!$F$3</definedName>
    <definedName name="変更用紙" localSheetId="3">[43]!印刷</definedName>
    <definedName name="変更用紙">[43]!印刷</definedName>
    <definedName name="保温工" localSheetId="3">#REF!</definedName>
    <definedName name="保温工" localSheetId="10">#REF!</definedName>
    <definedName name="保温工" localSheetId="1">#REF!</definedName>
    <definedName name="保温工">#REF!</definedName>
    <definedName name="保存">#N/A</definedName>
    <definedName name="舗装復旧工" localSheetId="3">#REF!</definedName>
    <definedName name="舗装復旧工" localSheetId="10">#REF!</definedName>
    <definedName name="舗装復旧工" localSheetId="1">#REF!</definedName>
    <definedName name="舗装復旧工">#REF!</definedName>
    <definedName name="歩掛け" localSheetId="3">#REF!</definedName>
    <definedName name="歩掛け" localSheetId="10">#REF!</definedName>
    <definedName name="歩掛け" localSheetId="1">#REF!</definedName>
    <definedName name="歩掛け">#REF!</definedName>
    <definedName name="歩掛表" localSheetId="3">#REF!</definedName>
    <definedName name="歩掛表" localSheetId="10">#REF!</definedName>
    <definedName name="歩掛表">#REF!</definedName>
    <definedName name="補給率" localSheetId="3">#REF!</definedName>
    <definedName name="補給率">#REF!</definedName>
    <definedName name="補正" localSheetId="3">#REF!</definedName>
    <definedName name="補正">#REF!</definedName>
    <definedName name="法面工" localSheetId="3">#REF!</definedName>
    <definedName name="法面工">#REF!</definedName>
    <definedName name="防水工" localSheetId="3">#REF!</definedName>
    <definedName name="防水工">#REF!</definedName>
    <definedName name="密粒AS" localSheetId="3">#REF!</definedName>
    <definedName name="密粒AS">#REF!</definedName>
    <definedName name="名称" localSheetId="3">#REF!</definedName>
    <definedName name="名称">#REF!</definedName>
    <definedName name="問い合せ" localSheetId="3">#REF!</definedName>
    <definedName name="問い合せ">#REF!</definedName>
    <definedName name="役務" localSheetId="3">#REF!</definedName>
    <definedName name="役務">#REF!</definedName>
    <definedName name="輸送費" localSheetId="3">#REF!</definedName>
    <definedName name="輸送費">#REF!</definedName>
    <definedName name="予定価格積算書" localSheetId="3">#REF!</definedName>
    <definedName name="予定価格積算書">#REF!</definedName>
    <definedName name="幼児便器" localSheetId="3">#REF!</definedName>
    <definedName name="幼児便器">#REF!</definedName>
    <definedName name="擁壁小">[40]工事費内訳表!$H$43</definedName>
    <definedName name="擁壁大">[40]工事費内訳表!$H$69</definedName>
    <definedName name="洋風便器" localSheetId="3">#REF!</definedName>
    <definedName name="洋風便器" localSheetId="10">#REF!</definedName>
    <definedName name="洋風便器" localSheetId="1">#REF!</definedName>
    <definedName name="洋風便器">#REF!</definedName>
    <definedName name="溶接工" localSheetId="3">#REF!</definedName>
    <definedName name="溶接工" localSheetId="10">#REF!</definedName>
    <definedName name="溶接工" localSheetId="1">#REF!</definedName>
    <definedName name="溶接工">#REF!</definedName>
    <definedName name="溶接棒" localSheetId="3">#REF!</definedName>
    <definedName name="溶接棒" localSheetId="10">#REF!</definedName>
    <definedName name="溶接棒" localSheetId="1">#REF!</definedName>
    <definedName name="溶接棒">#REF!</definedName>
    <definedName name="理事_技師長" localSheetId="3">#REF!</definedName>
    <definedName name="理事_技師長">#REF!</definedName>
    <definedName name="率元" localSheetId="3">#REF!</definedName>
    <definedName name="率元">#REF!</definedName>
    <definedName name="粒調砕石Mｰ30" localSheetId="3">#REF!</definedName>
    <definedName name="粒調砕石Mｰ30">#REF!</definedName>
    <definedName name="鈴鹿市" localSheetId="3">#REF!</definedName>
    <definedName name="鈴鹿市">#REF!</definedName>
    <definedName name="列幅変更" localSheetId="3">#REF!</definedName>
    <definedName name="列幅変更">#REF!</definedName>
    <definedName name="路床砕石" localSheetId="3">#REF!</definedName>
    <definedName name="路床砕石">#REF!</definedName>
    <definedName name="労務" localSheetId="3">#REF!</definedName>
    <definedName name="労務">#REF!</definedName>
    <definedName name="労務原価" localSheetId="3">#REF!</definedName>
    <definedName name="労務原価">#REF!</definedName>
    <definedName name="労務単価" localSheetId="3">#REF!</definedName>
    <definedName name="労務単価">#REF!</definedName>
    <definedName name="労務費" localSheetId="3">#REF!</definedName>
    <definedName name="労務費">#REF!</definedName>
  </definedNames>
  <calcPr calcId="162913"/>
</workbook>
</file>

<file path=xl/sharedStrings.xml><?xml version="1.0" encoding="utf-8"?>
<sst xmlns="http://schemas.openxmlformats.org/spreadsheetml/2006/main" count="2529" uniqueCount="694">
  <si>
    <t>年度</t>
    <rPh sb="0" eb="2">
      <t>ネンド</t>
    </rPh>
    <phoneticPr fontId="3"/>
  </si>
  <si>
    <t>電気</t>
    <rPh sb="0" eb="2">
      <t>デンキ</t>
    </rPh>
    <phoneticPr fontId="3"/>
  </si>
  <si>
    <t>機器費</t>
    <rPh sb="0" eb="2">
      <t>キキ</t>
    </rPh>
    <rPh sb="2" eb="3">
      <t>ヒ</t>
    </rPh>
    <phoneticPr fontId="3"/>
  </si>
  <si>
    <t>輸送費</t>
    <rPh sb="0" eb="3">
      <t>ユソウヒ</t>
    </rPh>
    <phoneticPr fontId="3"/>
  </si>
  <si>
    <t>直接材料費</t>
    <rPh sb="0" eb="2">
      <t>チョクセツ</t>
    </rPh>
    <rPh sb="2" eb="4">
      <t>ザイリョウ</t>
    </rPh>
    <rPh sb="4" eb="5">
      <t>ヒ</t>
    </rPh>
    <phoneticPr fontId="3"/>
  </si>
  <si>
    <t>一般労務費</t>
    <rPh sb="0" eb="2">
      <t>イッパン</t>
    </rPh>
    <rPh sb="2" eb="5">
      <t>ロウムヒ</t>
    </rPh>
    <phoneticPr fontId="3"/>
  </si>
  <si>
    <t>機械設備据付労務費</t>
    <rPh sb="0" eb="2">
      <t>キカイ</t>
    </rPh>
    <rPh sb="2" eb="4">
      <t>セツビ</t>
    </rPh>
    <rPh sb="4" eb="6">
      <t>スエツケ</t>
    </rPh>
    <rPh sb="6" eb="9">
      <t>ロウムヒ</t>
    </rPh>
    <phoneticPr fontId="3"/>
  </si>
  <si>
    <t>複合工費</t>
    <rPh sb="0" eb="2">
      <t>フクゴウ</t>
    </rPh>
    <rPh sb="2" eb="4">
      <t>コウヒ</t>
    </rPh>
    <phoneticPr fontId="3"/>
  </si>
  <si>
    <t>試運転費</t>
    <rPh sb="0" eb="3">
      <t>シウンテン</t>
    </rPh>
    <rPh sb="3" eb="4">
      <t>ヒ</t>
    </rPh>
    <phoneticPr fontId="3"/>
  </si>
  <si>
    <t>設計技術費</t>
    <rPh sb="0" eb="2">
      <t>セッケイ</t>
    </rPh>
    <rPh sb="2" eb="4">
      <t>ギジュツ</t>
    </rPh>
    <rPh sb="4" eb="5">
      <t>ヒ</t>
    </rPh>
    <phoneticPr fontId="3"/>
  </si>
  <si>
    <t>一般管理費等</t>
    <rPh sb="0" eb="2">
      <t>イッパン</t>
    </rPh>
    <rPh sb="2" eb="5">
      <t>カンリヒ</t>
    </rPh>
    <rPh sb="5" eb="6">
      <t>トウ</t>
    </rPh>
    <phoneticPr fontId="3"/>
  </si>
  <si>
    <t xml:space="preserve"> </t>
  </si>
  <si>
    <t>.-</t>
    <phoneticPr fontId="3"/>
  </si>
  <si>
    <t>数量</t>
    <rPh sb="0" eb="2">
      <t>スウリョウ</t>
    </rPh>
    <phoneticPr fontId="3"/>
  </si>
  <si>
    <t>式</t>
    <rPh sb="0" eb="1">
      <t>シキ</t>
    </rPh>
    <phoneticPr fontId="3"/>
  </si>
  <si>
    <t>材料費</t>
    <rPh sb="0" eb="3">
      <t>ザイリョウヒ</t>
    </rPh>
    <phoneticPr fontId="3"/>
  </si>
  <si>
    <t>労務費</t>
    <rPh sb="0" eb="3">
      <t>ロウムヒ</t>
    </rPh>
    <phoneticPr fontId="3"/>
  </si>
  <si>
    <t>据付工事原価</t>
    <rPh sb="0" eb="2">
      <t>スエツケ</t>
    </rPh>
    <rPh sb="2" eb="4">
      <t>コウジ</t>
    </rPh>
    <rPh sb="4" eb="6">
      <t>ゲンカ</t>
    </rPh>
    <phoneticPr fontId="3"/>
  </si>
  <si>
    <t>工事価格計</t>
    <rPh sb="0" eb="2">
      <t>コウジ</t>
    </rPh>
    <rPh sb="2" eb="4">
      <t>カカク</t>
    </rPh>
    <rPh sb="4" eb="5">
      <t>ケイ</t>
    </rPh>
    <phoneticPr fontId="3"/>
  </si>
  <si>
    <t>工事価格合計</t>
    <rPh sb="0" eb="2">
      <t>コウジ</t>
    </rPh>
    <rPh sb="2" eb="4">
      <t>カカク</t>
    </rPh>
    <rPh sb="4" eb="6">
      <t>ゴウケイ</t>
    </rPh>
    <phoneticPr fontId="3"/>
  </si>
  <si>
    <t>一般管理費</t>
    <rPh sb="0" eb="2">
      <t>イッパン</t>
    </rPh>
    <rPh sb="2" eb="5">
      <t>カンリヒ</t>
    </rPh>
    <phoneticPr fontId="3"/>
  </si>
  <si>
    <t>明 細 書</t>
    <phoneticPr fontId="3"/>
  </si>
  <si>
    <t>形状寸法</t>
    <rPh sb="2" eb="4">
      <t>スンポウ</t>
    </rPh>
    <phoneticPr fontId="3"/>
  </si>
  <si>
    <t>単  価</t>
    <phoneticPr fontId="3"/>
  </si>
  <si>
    <t>工  種</t>
    <phoneticPr fontId="3"/>
  </si>
  <si>
    <t>種  別</t>
    <phoneticPr fontId="3"/>
  </si>
  <si>
    <t>材  料</t>
    <phoneticPr fontId="3"/>
  </si>
  <si>
    <t>長</t>
    <phoneticPr fontId="3"/>
  </si>
  <si>
    <t>末口又は巾厚</t>
    <phoneticPr fontId="3"/>
  </si>
  <si>
    <t>員  数</t>
    <phoneticPr fontId="3"/>
  </si>
  <si>
    <t>数  量</t>
    <phoneticPr fontId="3"/>
  </si>
  <si>
    <t>合数量</t>
    <phoneticPr fontId="3"/>
  </si>
  <si>
    <t>単位</t>
    <phoneticPr fontId="3"/>
  </si>
  <si>
    <t>金額</t>
    <rPh sb="0" eb="2">
      <t>キンガク</t>
    </rPh>
    <phoneticPr fontId="3"/>
  </si>
  <si>
    <t>摘  要</t>
    <phoneticPr fontId="3"/>
  </si>
  <si>
    <t>機器費　計</t>
    <rPh sb="0" eb="2">
      <t>キキ</t>
    </rPh>
    <rPh sb="2" eb="3">
      <t>ヒ</t>
    </rPh>
    <rPh sb="4" eb="5">
      <t>ケイ</t>
    </rPh>
    <phoneticPr fontId="3"/>
  </si>
  <si>
    <t>普通作業員</t>
    <rPh sb="0" eb="2">
      <t>フツウ</t>
    </rPh>
    <rPh sb="2" eb="5">
      <t>サギョウイン</t>
    </rPh>
    <phoneticPr fontId="3"/>
  </si>
  <si>
    <t>人</t>
    <rPh sb="0" eb="1">
      <t>ニン</t>
    </rPh>
    <phoneticPr fontId="3"/>
  </si>
  <si>
    <t>配管工</t>
    <rPh sb="0" eb="3">
      <t>ハイカンコウ</t>
    </rPh>
    <phoneticPr fontId="3"/>
  </si>
  <si>
    <t>設備機械工</t>
    <rPh sb="0" eb="2">
      <t>セツビ</t>
    </rPh>
    <rPh sb="2" eb="4">
      <t>キカイ</t>
    </rPh>
    <rPh sb="4" eb="5">
      <t>コウ</t>
    </rPh>
    <phoneticPr fontId="3"/>
  </si>
  <si>
    <t>一般労務費　計</t>
    <rPh sb="0" eb="2">
      <t>イッパン</t>
    </rPh>
    <rPh sb="2" eb="5">
      <t>ロウムヒ</t>
    </rPh>
    <rPh sb="6" eb="7">
      <t>ケイ</t>
    </rPh>
    <phoneticPr fontId="3"/>
  </si>
  <si>
    <t>機械設備据付労務費</t>
    <rPh sb="0" eb="2">
      <t>キカイ</t>
    </rPh>
    <rPh sb="2" eb="4">
      <t>セツビ</t>
    </rPh>
    <rPh sb="4" eb="5">
      <t>ス</t>
    </rPh>
    <rPh sb="5" eb="6">
      <t>ツ</t>
    </rPh>
    <rPh sb="6" eb="9">
      <t>ロウムヒ</t>
    </rPh>
    <phoneticPr fontId="3"/>
  </si>
  <si>
    <t>機械設備据付工</t>
    <rPh sb="0" eb="2">
      <t>キカイ</t>
    </rPh>
    <rPh sb="2" eb="4">
      <t>セツビ</t>
    </rPh>
    <rPh sb="4" eb="5">
      <t>ス</t>
    </rPh>
    <rPh sb="5" eb="6">
      <t>ツ</t>
    </rPh>
    <rPh sb="6" eb="7">
      <t>コウ</t>
    </rPh>
    <phoneticPr fontId="3"/>
  </si>
  <si>
    <t>機械設備据付労務費　計</t>
    <rPh sb="0" eb="2">
      <t>キカイ</t>
    </rPh>
    <rPh sb="2" eb="4">
      <t>セツビ</t>
    </rPh>
    <rPh sb="4" eb="6">
      <t>スエツケ</t>
    </rPh>
    <rPh sb="6" eb="9">
      <t>ロウムヒ</t>
    </rPh>
    <rPh sb="10" eb="11">
      <t>ケイ</t>
    </rPh>
    <phoneticPr fontId="3"/>
  </si>
  <si>
    <t>労務費　計</t>
    <rPh sb="0" eb="3">
      <t>ロウムヒ</t>
    </rPh>
    <rPh sb="4" eb="5">
      <t>ケイ</t>
    </rPh>
    <phoneticPr fontId="3"/>
  </si>
  <si>
    <t>直接材料費</t>
    <rPh sb="0" eb="2">
      <t>チョクセツ</t>
    </rPh>
    <rPh sb="2" eb="5">
      <t>ザイリョウヒ</t>
    </rPh>
    <phoneticPr fontId="3"/>
  </si>
  <si>
    <t>複合工</t>
    <rPh sb="0" eb="2">
      <t>フクゴウ</t>
    </rPh>
    <rPh sb="2" eb="3">
      <t>コウ</t>
    </rPh>
    <phoneticPr fontId="3"/>
  </si>
  <si>
    <t>基礎工</t>
    <rPh sb="0" eb="2">
      <t>キソ</t>
    </rPh>
    <rPh sb="2" eb="3">
      <t>コウ</t>
    </rPh>
    <phoneticPr fontId="3"/>
  </si>
  <si>
    <t>複合工計</t>
    <phoneticPr fontId="3"/>
  </si>
  <si>
    <t>小配管弁類</t>
    <rPh sb="0" eb="3">
      <t>ショウハイカン</t>
    </rPh>
    <rPh sb="3" eb="4">
      <t>ベン</t>
    </rPh>
    <rPh sb="4" eb="5">
      <t>ルイ</t>
    </rPh>
    <phoneticPr fontId="3"/>
  </si>
  <si>
    <t>直接材料費計</t>
    <rPh sb="0" eb="2">
      <t>チョクセツ</t>
    </rPh>
    <rPh sb="2" eb="4">
      <t>ザイリョウ</t>
    </rPh>
    <rPh sb="4" eb="5">
      <t>ヒ</t>
    </rPh>
    <rPh sb="5" eb="6">
      <t>ケイ</t>
    </rPh>
    <phoneticPr fontId="3"/>
  </si>
  <si>
    <t>副参事兼</t>
    <rPh sb="0" eb="3">
      <t>フクサンジ</t>
    </rPh>
    <rPh sb="3" eb="4">
      <t>ケン</t>
    </rPh>
    <phoneticPr fontId="3"/>
  </si>
  <si>
    <t>課長補佐</t>
    <rPh sb="0" eb="2">
      <t>カチョウ</t>
    </rPh>
    <rPh sb="2" eb="4">
      <t>ホサ</t>
    </rPh>
    <phoneticPr fontId="2"/>
  </si>
  <si>
    <t>係</t>
    <rPh sb="0" eb="1">
      <t>カカリ</t>
    </rPh>
    <phoneticPr fontId="3"/>
  </si>
  <si>
    <t>機械経費</t>
    <rPh sb="0" eb="2">
      <t>キカイ</t>
    </rPh>
    <rPh sb="2" eb="4">
      <t>ケイヒ</t>
    </rPh>
    <phoneticPr fontId="3"/>
  </si>
  <si>
    <t>安全費</t>
    <rPh sb="0" eb="2">
      <t>アンゼン</t>
    </rPh>
    <rPh sb="2" eb="3">
      <t>ヒ</t>
    </rPh>
    <phoneticPr fontId="3"/>
  </si>
  <si>
    <t>平成</t>
    <rPh sb="0" eb="2">
      <t>ヘイセイ</t>
    </rPh>
    <phoneticPr fontId="3"/>
  </si>
  <si>
    <t>第      号</t>
    <phoneticPr fontId="3"/>
  </si>
  <si>
    <t>工  事  設  計  書</t>
    <phoneticPr fontId="3"/>
  </si>
  <si>
    <t>四日市市上下水道局</t>
    <rPh sb="4" eb="6">
      <t>ジョウゲ</t>
    </rPh>
    <rPh sb="6" eb="9">
      <t>スイドウキョク</t>
    </rPh>
    <phoneticPr fontId="3"/>
  </si>
  <si>
    <t>排 水 区 名</t>
    <phoneticPr fontId="3"/>
  </si>
  <si>
    <t>施 工 地 名</t>
    <phoneticPr fontId="3"/>
  </si>
  <si>
    <t>課長</t>
  </si>
  <si>
    <t>係長</t>
    <rPh sb="0" eb="2">
      <t>カカリチョウ</t>
    </rPh>
    <phoneticPr fontId="3"/>
  </si>
  <si>
    <t>工　事　費</t>
    <rPh sb="0" eb="1">
      <t>コウ</t>
    </rPh>
    <rPh sb="2" eb="3">
      <t>コト</t>
    </rPh>
    <rPh sb="4" eb="5">
      <t>ヒ</t>
    </rPh>
    <phoneticPr fontId="3"/>
  </si>
  <si>
    <t>設計</t>
    <phoneticPr fontId="3"/>
  </si>
  <si>
    <t>検算</t>
    <phoneticPr fontId="3"/>
  </si>
  <si>
    <t>工       期</t>
    <phoneticPr fontId="3"/>
  </si>
  <si>
    <t>契約の日から</t>
    <rPh sb="0" eb="2">
      <t>ケイヤク</t>
    </rPh>
    <rPh sb="3" eb="4">
      <t>ヒ</t>
    </rPh>
    <phoneticPr fontId="3"/>
  </si>
  <si>
    <t>まで</t>
    <phoneticPr fontId="3"/>
  </si>
  <si>
    <t>工　　　事　　　概　　　要</t>
    <rPh sb="8" eb="9">
      <t>ガイヨウ</t>
    </rPh>
    <phoneticPr fontId="3"/>
  </si>
  <si>
    <t>起　　　工　　　理　　　由</t>
    <phoneticPr fontId="3"/>
  </si>
  <si>
    <t>　</t>
    <phoneticPr fontId="3"/>
  </si>
  <si>
    <t>　設　計　書　用　紙</t>
    <phoneticPr fontId="3"/>
  </si>
  <si>
    <t>四日市市上下水道局　</t>
    <rPh sb="3" eb="4">
      <t>シ</t>
    </rPh>
    <rPh sb="4" eb="6">
      <t>ジョウゲ</t>
    </rPh>
    <rPh sb="6" eb="9">
      <t>スイドウキョク</t>
    </rPh>
    <phoneticPr fontId="3"/>
  </si>
  <si>
    <t>内訳書</t>
    <rPh sb="0" eb="3">
      <t>ウチワケショ</t>
    </rPh>
    <phoneticPr fontId="3"/>
  </si>
  <si>
    <t>費　目</t>
    <rPh sb="0" eb="3">
      <t>ヒモク</t>
    </rPh>
    <phoneticPr fontId="3"/>
  </si>
  <si>
    <t>工　種</t>
    <rPh sb="0" eb="3">
      <t>コウシュ</t>
    </rPh>
    <phoneticPr fontId="3"/>
  </si>
  <si>
    <t>種　別</t>
    <rPh sb="0" eb="3">
      <t>シュベツ</t>
    </rPh>
    <phoneticPr fontId="3"/>
  </si>
  <si>
    <t>細　別</t>
    <rPh sb="0" eb="3">
      <t>サイベツ</t>
    </rPh>
    <phoneticPr fontId="3"/>
  </si>
  <si>
    <t>単位</t>
    <rPh sb="0" eb="2">
      <t>タンイ</t>
    </rPh>
    <phoneticPr fontId="3"/>
  </si>
  <si>
    <t>機械設備工事　本工事費</t>
    <rPh sb="0" eb="2">
      <t>キカイ</t>
    </rPh>
    <rPh sb="2" eb="4">
      <t>セツビ</t>
    </rPh>
    <rPh sb="4" eb="6">
      <t>コウジ</t>
    </rPh>
    <rPh sb="7" eb="8">
      <t>ホン</t>
    </rPh>
    <rPh sb="8" eb="11">
      <t>コウジヒ</t>
    </rPh>
    <phoneticPr fontId="3"/>
  </si>
  <si>
    <t>（機器費計）</t>
    <rPh sb="1" eb="3">
      <t>キキ</t>
    </rPh>
    <rPh sb="3" eb="4">
      <t>ヒ</t>
    </rPh>
    <rPh sb="4" eb="5">
      <t>ケイ</t>
    </rPh>
    <phoneticPr fontId="3"/>
  </si>
  <si>
    <t>直接工事費</t>
    <rPh sb="0" eb="2">
      <t>チョクセツ</t>
    </rPh>
    <rPh sb="2" eb="5">
      <t>コウジヒ</t>
    </rPh>
    <phoneticPr fontId="3"/>
  </si>
  <si>
    <t>（輸送費）小計</t>
    <rPh sb="1" eb="4">
      <t>ユソウヒ</t>
    </rPh>
    <rPh sb="5" eb="7">
      <t>ショウケイ</t>
    </rPh>
    <phoneticPr fontId="3"/>
  </si>
  <si>
    <t>補助材料費</t>
    <rPh sb="0" eb="2">
      <t>ホジョ</t>
    </rPh>
    <rPh sb="2" eb="5">
      <t>ザイリョウヒ</t>
    </rPh>
    <phoneticPr fontId="3"/>
  </si>
  <si>
    <t>（材料費）小計</t>
    <rPh sb="1" eb="4">
      <t>ザイリョウヒ</t>
    </rPh>
    <rPh sb="5" eb="7">
      <t>ショウケイ</t>
    </rPh>
    <phoneticPr fontId="3"/>
  </si>
  <si>
    <t>（労務費）小計</t>
    <rPh sb="1" eb="4">
      <t>ロウムヒ</t>
    </rPh>
    <rPh sb="5" eb="7">
      <t>ショウケイ</t>
    </rPh>
    <phoneticPr fontId="3"/>
  </si>
  <si>
    <t>（複合工費）小計</t>
    <rPh sb="1" eb="3">
      <t>フクゴウ</t>
    </rPh>
    <rPh sb="3" eb="5">
      <t>コウヒ</t>
    </rPh>
    <rPh sb="6" eb="8">
      <t>ショウケイ</t>
    </rPh>
    <phoneticPr fontId="3"/>
  </si>
  <si>
    <t>直接経費</t>
    <rPh sb="0" eb="2">
      <t>チョクセツ</t>
    </rPh>
    <rPh sb="2" eb="4">
      <t>ケイヒ</t>
    </rPh>
    <phoneticPr fontId="3"/>
  </si>
  <si>
    <t>（直接経費）小計</t>
    <rPh sb="1" eb="3">
      <t>チョクセツ</t>
    </rPh>
    <rPh sb="3" eb="5">
      <t>ケイヒ</t>
    </rPh>
    <rPh sb="6" eb="8">
      <t>ショウケイ</t>
    </rPh>
    <phoneticPr fontId="3"/>
  </si>
  <si>
    <t>仮設費</t>
    <rPh sb="0" eb="2">
      <t>カセツ</t>
    </rPh>
    <rPh sb="2" eb="3">
      <t>ヒ</t>
    </rPh>
    <phoneticPr fontId="3"/>
  </si>
  <si>
    <t>（仮設費）計</t>
    <rPh sb="1" eb="3">
      <t>カセツ</t>
    </rPh>
    <rPh sb="3" eb="4">
      <t>ヒ</t>
    </rPh>
    <rPh sb="5" eb="6">
      <t>ショウケイ</t>
    </rPh>
    <phoneticPr fontId="3"/>
  </si>
  <si>
    <t>直接工事費計</t>
    <rPh sb="0" eb="2">
      <t>チョクセツ</t>
    </rPh>
    <rPh sb="2" eb="4">
      <t>コウジ</t>
    </rPh>
    <rPh sb="4" eb="5">
      <t>ヒ</t>
    </rPh>
    <rPh sb="5" eb="6">
      <t>ケイ</t>
    </rPh>
    <phoneticPr fontId="3"/>
  </si>
  <si>
    <t>間接工事費</t>
    <rPh sb="0" eb="2">
      <t>カンセツ</t>
    </rPh>
    <rPh sb="2" eb="4">
      <t>コウジ</t>
    </rPh>
    <rPh sb="4" eb="5">
      <t>ヒ</t>
    </rPh>
    <phoneticPr fontId="3"/>
  </si>
  <si>
    <t>共通仮設費</t>
    <rPh sb="0" eb="2">
      <t>キョウツウ</t>
    </rPh>
    <rPh sb="2" eb="4">
      <t>カセツ</t>
    </rPh>
    <rPh sb="4" eb="5">
      <t>ヒ</t>
    </rPh>
    <phoneticPr fontId="3"/>
  </si>
  <si>
    <t>運搬費</t>
    <rPh sb="0" eb="3">
      <t>ウンパンヒ</t>
    </rPh>
    <phoneticPr fontId="3"/>
  </si>
  <si>
    <t>準備費</t>
    <rPh sb="0" eb="3">
      <t>ジュンビヒ</t>
    </rPh>
    <phoneticPr fontId="3"/>
  </si>
  <si>
    <t>技術管理費</t>
    <rPh sb="0" eb="2">
      <t>ギジュツ</t>
    </rPh>
    <rPh sb="2" eb="5">
      <t>カンリヒ</t>
    </rPh>
    <phoneticPr fontId="3"/>
  </si>
  <si>
    <t>営繕費</t>
    <rPh sb="0" eb="2">
      <t>エイゼン</t>
    </rPh>
    <rPh sb="2" eb="3">
      <t>ヒ</t>
    </rPh>
    <phoneticPr fontId="3"/>
  </si>
  <si>
    <t>（共通仮設費）計</t>
    <rPh sb="1" eb="3">
      <t>キョウツウ</t>
    </rPh>
    <rPh sb="3" eb="5">
      <t>カセツ</t>
    </rPh>
    <rPh sb="5" eb="6">
      <t>ヒ</t>
    </rPh>
    <rPh sb="7" eb="8">
      <t>ケイ</t>
    </rPh>
    <phoneticPr fontId="3"/>
  </si>
  <si>
    <t>現場管理費</t>
    <rPh sb="0" eb="2">
      <t>ゲンバ</t>
    </rPh>
    <rPh sb="2" eb="5">
      <t>カンリヒ</t>
    </rPh>
    <phoneticPr fontId="3"/>
  </si>
  <si>
    <t>据付間接費</t>
    <rPh sb="0" eb="2">
      <t>スエツケ</t>
    </rPh>
    <rPh sb="2" eb="5">
      <t>カンセツヒ</t>
    </rPh>
    <phoneticPr fontId="3"/>
  </si>
  <si>
    <t>間接工事費計</t>
    <rPh sb="0" eb="2">
      <t>カンセツ</t>
    </rPh>
    <rPh sb="2" eb="5">
      <t>コウジヒ</t>
    </rPh>
    <rPh sb="5" eb="6">
      <t>ケイ</t>
    </rPh>
    <phoneticPr fontId="3"/>
  </si>
  <si>
    <t>附属材料費</t>
    <rPh sb="0" eb="2">
      <t>フゾク</t>
    </rPh>
    <rPh sb="2" eb="4">
      <t>ザイリョウ</t>
    </rPh>
    <rPh sb="4" eb="5">
      <t>ヒ</t>
    </rPh>
    <phoneticPr fontId="2"/>
  </si>
  <si>
    <t>式</t>
    <rPh sb="0" eb="1">
      <t>シキ</t>
    </rPh>
    <phoneticPr fontId="2"/>
  </si>
  <si>
    <t>配管用ｽﾃﾝﾚｽ鋼管</t>
    <rPh sb="0" eb="3">
      <t>ハイカンヨウ</t>
    </rPh>
    <rPh sb="8" eb="10">
      <t>コウカン</t>
    </rPh>
    <phoneticPr fontId="12"/>
  </si>
  <si>
    <t>輸送費</t>
    <rPh sb="0" eb="3">
      <t>ユソウヒ</t>
    </rPh>
    <phoneticPr fontId="2"/>
  </si>
  <si>
    <t>輸送費　計</t>
    <rPh sb="0" eb="3">
      <t>ユソウヒ</t>
    </rPh>
    <rPh sb="4" eb="5">
      <t>ケイ</t>
    </rPh>
    <phoneticPr fontId="2"/>
  </si>
  <si>
    <t>日</t>
    <rPh sb="0" eb="1">
      <t>ニチ</t>
    </rPh>
    <phoneticPr fontId="3"/>
  </si>
  <si>
    <t>機械経費積上げ分</t>
    <rPh sb="0" eb="2">
      <t>キカイ</t>
    </rPh>
    <rPh sb="2" eb="4">
      <t>ケイヒ</t>
    </rPh>
    <rPh sb="4" eb="5">
      <t>ツ</t>
    </rPh>
    <rPh sb="5" eb="6">
      <t>ア</t>
    </rPh>
    <rPh sb="7" eb="8">
      <t>ブン</t>
    </rPh>
    <phoneticPr fontId="3"/>
  </si>
  <si>
    <t>機械経費積上げ分　計</t>
    <rPh sb="0" eb="2">
      <t>キカイ</t>
    </rPh>
    <rPh sb="2" eb="4">
      <t>ケイヒ</t>
    </rPh>
    <rPh sb="4" eb="5">
      <t>ツ</t>
    </rPh>
    <rPh sb="5" eb="6">
      <t>ア</t>
    </rPh>
    <rPh sb="7" eb="8">
      <t>ブン</t>
    </rPh>
    <rPh sb="9" eb="10">
      <t>ケイ</t>
    </rPh>
    <phoneticPr fontId="3"/>
  </si>
  <si>
    <t>準備費積上げ分</t>
    <rPh sb="0" eb="2">
      <t>ジュンビ</t>
    </rPh>
    <rPh sb="2" eb="3">
      <t>ヒ</t>
    </rPh>
    <rPh sb="3" eb="5">
      <t>ツミア</t>
    </rPh>
    <rPh sb="6" eb="7">
      <t>ブン</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該当工事工種を記入する。</t>
    <rPh sb="0" eb="2">
      <t>ガイトウ</t>
    </rPh>
    <rPh sb="2" eb="4">
      <t>コウジ</t>
    </rPh>
    <rPh sb="4" eb="6">
      <t>コウシュ</t>
    </rPh>
    <rPh sb="7" eb="9">
      <t>キニュウ</t>
    </rPh>
    <phoneticPr fontId="3"/>
  </si>
  <si>
    <t>※下水道機械設備工事</t>
    <rPh sb="1" eb="4">
      <t>ゲスイドウ</t>
    </rPh>
    <rPh sb="4" eb="6">
      <t>キカイ</t>
    </rPh>
    <rPh sb="6" eb="8">
      <t>セツビ</t>
    </rPh>
    <rPh sb="8" eb="10">
      <t>コウジ</t>
    </rPh>
    <phoneticPr fontId="3"/>
  </si>
  <si>
    <t>積算基準</t>
    <rPh sb="0" eb="2">
      <t>セキサン</t>
    </rPh>
    <rPh sb="2" eb="4">
      <t>キジュン</t>
    </rPh>
    <phoneticPr fontId="3"/>
  </si>
  <si>
    <t>単価適用日</t>
    <rPh sb="0" eb="2">
      <t>タンカ</t>
    </rPh>
    <rPh sb="2" eb="4">
      <t>テキヨウ</t>
    </rPh>
    <rPh sb="4" eb="5">
      <t>ヒ</t>
    </rPh>
    <phoneticPr fontId="3"/>
  </si>
  <si>
    <t>建設物価・積算資料</t>
    <rPh sb="0" eb="2">
      <t>ケンセツ</t>
    </rPh>
    <rPh sb="2" eb="4">
      <t>ブッカ</t>
    </rPh>
    <rPh sb="5" eb="7">
      <t>セキサン</t>
    </rPh>
    <rPh sb="7" eb="9">
      <t>シリョウ</t>
    </rPh>
    <phoneticPr fontId="3"/>
  </si>
  <si>
    <t>建築施工単価・建築ｺｽﾄ情報・土木ｺｽﾄ情報</t>
    <rPh sb="0" eb="2">
      <t>ケンチク</t>
    </rPh>
    <rPh sb="2" eb="4">
      <t>セコウ</t>
    </rPh>
    <rPh sb="4" eb="6">
      <t>タンカ</t>
    </rPh>
    <rPh sb="7" eb="9">
      <t>ケンチク</t>
    </rPh>
    <rPh sb="12" eb="14">
      <t>ジョウホウ</t>
    </rPh>
    <rPh sb="15" eb="17">
      <t>ドボク</t>
    </rPh>
    <rPh sb="20" eb="22">
      <t>ジョウホウ</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に係る一般管理費等率の補正</t>
    <rPh sb="0" eb="1">
      <t>マエ</t>
    </rPh>
    <rPh sb="1" eb="2">
      <t>バライ</t>
    </rPh>
    <rPh sb="2" eb="3">
      <t>キン</t>
    </rPh>
    <rPh sb="3" eb="5">
      <t>シシュツ</t>
    </rPh>
    <rPh sb="5" eb="7">
      <t>ワリアイ</t>
    </rPh>
    <rPh sb="8" eb="9">
      <t>カカワ</t>
    </rPh>
    <rPh sb="10" eb="12">
      <t>イッパン</t>
    </rPh>
    <rPh sb="12" eb="16">
      <t>カンリヒナド</t>
    </rPh>
    <rPh sb="16" eb="17">
      <t>リツ</t>
    </rPh>
    <rPh sb="18" eb="20">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あり</t>
    <phoneticPr fontId="3"/>
  </si>
  <si>
    <t>なし</t>
    <phoneticPr fontId="3"/>
  </si>
  <si>
    <t>支給品の取扱い</t>
    <rPh sb="0" eb="3">
      <t>シキュウヒン</t>
    </rPh>
    <rPh sb="4" eb="6">
      <t>トリアツカ</t>
    </rPh>
    <phoneticPr fontId="3"/>
  </si>
  <si>
    <t>下水道標準歩掛表のとおり（評価価格を仮設費、設計技術費の算定対象とする。）</t>
    <rPh sb="0" eb="3">
      <t>ゲスイドウ</t>
    </rPh>
    <rPh sb="3" eb="5">
      <t>ヒョウジュン</t>
    </rPh>
    <rPh sb="5" eb="7">
      <t>ブガカリ</t>
    </rPh>
    <rPh sb="7" eb="8">
      <t>ヒョウ</t>
    </rPh>
    <rPh sb="13" eb="15">
      <t>ヒョウカ</t>
    </rPh>
    <rPh sb="15" eb="17">
      <t>カカク</t>
    </rPh>
    <rPh sb="18" eb="20">
      <t>カセツ</t>
    </rPh>
    <rPh sb="20" eb="21">
      <t>ヒ</t>
    </rPh>
    <rPh sb="22" eb="24">
      <t>セッケイ</t>
    </rPh>
    <rPh sb="24" eb="26">
      <t>ギジュツ</t>
    </rPh>
    <rPh sb="26" eb="27">
      <t>ヒ</t>
    </rPh>
    <rPh sb="28" eb="30">
      <t>サンテイ</t>
    </rPh>
    <rPh sb="30" eb="32">
      <t>タイショウ</t>
    </rPh>
    <phoneticPr fontId="3"/>
  </si>
  <si>
    <t>工程関係</t>
    <rPh sb="0" eb="2">
      <t>コウテイ</t>
    </rPh>
    <rPh sb="2" eb="4">
      <t>カンケイ</t>
    </rPh>
    <phoneticPr fontId="3"/>
  </si>
  <si>
    <t>別途工事との工程調整</t>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t>
    <phoneticPr fontId="3"/>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施工時期及び施工時間</t>
    <rPh sb="0" eb="2">
      <t>セコウ</t>
    </rPh>
    <rPh sb="2" eb="4">
      <t>ジキ</t>
    </rPh>
    <rPh sb="4" eb="5">
      <t>オヨ</t>
    </rPh>
    <rPh sb="6" eb="8">
      <t>セコウ</t>
    </rPh>
    <rPh sb="8" eb="10">
      <t>ジカン</t>
    </rPh>
    <phoneticPr fontId="3"/>
  </si>
  <si>
    <t>施工方法</t>
    <rPh sb="0" eb="2">
      <t>セコウ</t>
    </rPh>
    <rPh sb="2" eb="4">
      <t>ホウホウ</t>
    </rPh>
    <phoneticPr fontId="3"/>
  </si>
  <si>
    <t>他機関との協議</t>
    <rPh sb="0" eb="3">
      <t>タキカン</t>
    </rPh>
    <rPh sb="5" eb="7">
      <t>キョウギ</t>
    </rPh>
    <phoneticPr fontId="3"/>
  </si>
  <si>
    <t>協議が必要な機関名</t>
    <phoneticPr fontId="3"/>
  </si>
  <si>
    <t>協議完了見込み時期</t>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t>
    <phoneticPr fontId="3"/>
  </si>
  <si>
    <t>～</t>
    <phoneticPr fontId="3"/>
  </si>
  <si>
    <t>完了見込み時期</t>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L=</t>
    <phoneticPr fontId="3"/>
  </si>
  <si>
    <t>Km）</t>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事業損失防止に関する調査あり</t>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別途協議</t>
    <phoneticPr fontId="3"/>
  </si>
  <si>
    <t>調査方法</t>
    <rPh sb="0" eb="2">
      <t>チョウサ</t>
    </rPh>
    <rPh sb="2" eb="4">
      <t>ホウホウ</t>
    </rPh>
    <phoneticPr fontId="3"/>
  </si>
  <si>
    <t>別途資料</t>
    <rPh sb="0" eb="2">
      <t>ベット</t>
    </rPh>
    <rPh sb="2" eb="4">
      <t>シリョウ</t>
    </rPh>
    <phoneticPr fontId="3"/>
  </si>
  <si>
    <t>別途協議</t>
    <phoneticPr fontId="3"/>
  </si>
  <si>
    <t>工事用道路関係</t>
    <rPh sb="0" eb="3">
      <t>コウジヨウ</t>
    </rPh>
    <rPh sb="3" eb="5">
      <t>ドウロ</t>
    </rPh>
    <rPh sb="5" eb="7">
      <t>カンケイ</t>
    </rPh>
    <phoneticPr fontId="3"/>
  </si>
  <si>
    <t>交通安全施設等の指定あり</t>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話</t>
    <rPh sb="0" eb="2">
      <t>デンワ</t>
    </rPh>
    <phoneticPr fontId="3"/>
  </si>
  <si>
    <t>水道</t>
    <rPh sb="0" eb="2">
      <t>スイドウ</t>
    </rPh>
    <phoneticPr fontId="3"/>
  </si>
  <si>
    <t>ガス</t>
    <phoneticPr fontId="3"/>
  </si>
  <si>
    <t>(</t>
    <phoneticPr fontId="3"/>
  </si>
  <si>
    <t>)</t>
    <phoneticPr fontId="3"/>
  </si>
  <si>
    <t>・制限を受ける工種</t>
    <rPh sb="1" eb="3">
      <t>セイゲン</t>
    </rPh>
    <rPh sb="4" eb="5">
      <t>ウ</t>
    </rPh>
    <rPh sb="7" eb="9">
      <t>コウシュ</t>
    </rPh>
    <phoneticPr fontId="3"/>
  </si>
  <si>
    <t>（</t>
    <phoneticPr fontId="3"/>
  </si>
  <si>
    <t>）</t>
    <phoneticPr fontId="3"/>
  </si>
  <si>
    <t>・制限内容</t>
    <rPh sb="1" eb="3">
      <t>セイゲン</t>
    </rPh>
    <rPh sb="3" eb="5">
      <t>ナイヨウ</t>
    </rPh>
    <phoneticPr fontId="3"/>
  </si>
  <si>
    <t>土砂崩落・発破作業に対する防護施設等に指定あり</t>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仮設備関係</t>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km)</t>
    <phoneticPr fontId="3"/>
  </si>
  <si>
    <t>（処分先については監督員に工事打合簿にて提出すること）</t>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t>
    <phoneticPr fontId="3"/>
  </si>
  <si>
    <t>）</t>
    <phoneticPr fontId="3"/>
  </si>
  <si>
    <t>産業廃棄物の処分地</t>
    <rPh sb="0" eb="2">
      <t>サンギョウ</t>
    </rPh>
    <rPh sb="2" eb="5">
      <t>ハイキブツ</t>
    </rPh>
    <rPh sb="6" eb="8">
      <t>ショブン</t>
    </rPh>
    <rPh sb="8" eb="9">
      <t>チ</t>
    </rPh>
    <phoneticPr fontId="3"/>
  </si>
  <si>
    <t>（L＝</t>
    <phoneticPr fontId="3"/>
  </si>
  <si>
    <t>km)</t>
    <phoneticPr fontId="3"/>
  </si>
  <si>
    <t>再生処分地</t>
    <rPh sb="0" eb="2">
      <t>サイセイ</t>
    </rPh>
    <rPh sb="2" eb="4">
      <t>ショブン</t>
    </rPh>
    <rPh sb="4" eb="5">
      <t>チ</t>
    </rPh>
    <phoneticPr fontId="3"/>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提出書類</t>
    <rPh sb="0" eb="2">
      <t>テイシュツ</t>
    </rPh>
    <rPh sb="2" eb="4">
      <t>ショルイ</t>
    </rPh>
    <phoneticPr fontId="3"/>
  </si>
  <si>
    <t>処分場の受入条件</t>
    <rPh sb="0" eb="3">
      <t>ショブンジョウ</t>
    </rPh>
    <rPh sb="4" eb="6">
      <t>ウケイレ</t>
    </rPh>
    <rPh sb="6" eb="8">
      <t>ジョウケン</t>
    </rPh>
    <phoneticPr fontId="3"/>
  </si>
  <si>
    <t>(</t>
    <phoneticPr fontId="3"/>
  </si>
  <si>
    <t>)</t>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t>
    <phoneticPr fontId="3"/>
  </si>
  <si>
    <t>防護</t>
    <rPh sb="0" eb="2">
      <t>ボウゴ</t>
    </rPh>
    <phoneticPr fontId="3"/>
  </si>
  <si>
    <t>（</t>
    <phoneticPr fontId="3"/>
  </si>
  <si>
    <t>）</t>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ッ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t>
    <phoneticPr fontId="3"/>
  </si>
  <si>
    <t>）</t>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3"/>
  </si>
  <si>
    <t>撤去機器</t>
    <rPh sb="0" eb="2">
      <t>テッキョ</t>
    </rPh>
    <rPh sb="2" eb="4">
      <t>キキ</t>
    </rPh>
    <phoneticPr fontId="3"/>
  </si>
  <si>
    <t>撤去配管類</t>
    <rPh sb="0" eb="2">
      <t>テッキョ</t>
    </rPh>
    <rPh sb="2" eb="4">
      <t>ハイカン</t>
    </rPh>
    <rPh sb="4" eb="5">
      <t>ルイ</t>
    </rPh>
    <phoneticPr fontId="3"/>
  </si>
  <si>
    <t>ton）</t>
    <phoneticPr fontId="3"/>
  </si>
  <si>
    <t>kg）</t>
    <phoneticPr fontId="3"/>
  </si>
  <si>
    <t>支給品あり</t>
    <rPh sb="0" eb="2">
      <t>シキュウ</t>
    </rPh>
    <rPh sb="2" eb="3">
      <t>ヒン</t>
    </rPh>
    <phoneticPr fontId="3"/>
  </si>
  <si>
    <t>品名</t>
    <rPh sb="0" eb="2">
      <t>ヒンメイ</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t>
    <phoneticPr fontId="3"/>
  </si>
  <si>
    <t>（</t>
    <phoneticPr fontId="3"/>
  </si>
  <si>
    <t>時期は別途協議</t>
    <rPh sb="0" eb="2">
      <t>ジキ</t>
    </rPh>
    <rPh sb="3" eb="5">
      <t>ベット</t>
    </rPh>
    <rPh sb="5" eb="7">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Ｌ＝</t>
    <phoneticPr fontId="3"/>
  </si>
  <si>
    <t>km)</t>
    <phoneticPr fontId="3"/>
  </si>
  <si>
    <t>随時検査</t>
    <rPh sb="0" eb="2">
      <t>ズイジ</t>
    </rPh>
    <rPh sb="2" eb="4">
      <t>ケンサ</t>
    </rPh>
    <phoneticPr fontId="3"/>
  </si>
  <si>
    <t>適用条件</t>
    <rPh sb="0" eb="2">
      <t>テキヨウ</t>
    </rPh>
    <rPh sb="2" eb="4">
      <t>ジョウケン</t>
    </rPh>
    <phoneticPr fontId="3"/>
  </si>
  <si>
    <t>「土木構造物設計マニュアル（案）</t>
    <rPh sb="1" eb="3">
      <t>ドボク</t>
    </rPh>
    <rPh sb="3" eb="5">
      <t>コウゾウ</t>
    </rPh>
    <rPh sb="5" eb="6">
      <t>ブツ</t>
    </rPh>
    <rPh sb="6" eb="8">
      <t>セッケイ</t>
    </rPh>
    <rPh sb="14" eb="15">
      <t>アン</t>
    </rPh>
    <phoneticPr fontId="3"/>
  </si>
  <si>
    <t>(</t>
    <phoneticPr fontId="3"/>
  </si>
  <si>
    <t>日本下水道事業団機械・電気設備工事一般仕様書（最新版）を準用</t>
    <rPh sb="0" eb="2">
      <t>ニホン</t>
    </rPh>
    <rPh sb="2" eb="5">
      <t>ゲスイドウ</t>
    </rPh>
    <rPh sb="5" eb="7">
      <t>ジギョウ</t>
    </rPh>
    <rPh sb="7" eb="8">
      <t>ダン</t>
    </rPh>
    <rPh sb="8" eb="10">
      <t>キカイ</t>
    </rPh>
    <rPh sb="11" eb="13">
      <t>デンキ</t>
    </rPh>
    <rPh sb="13" eb="15">
      <t>セツビ</t>
    </rPh>
    <rPh sb="15" eb="17">
      <t>コウジ</t>
    </rPh>
    <rPh sb="17" eb="19">
      <t>イッパン</t>
    </rPh>
    <rPh sb="19" eb="21">
      <t>シヨウ</t>
    </rPh>
    <rPh sb="21" eb="22">
      <t>ショ</t>
    </rPh>
    <rPh sb="23" eb="25">
      <t>サイシン</t>
    </rPh>
    <rPh sb="25" eb="26">
      <t>バン</t>
    </rPh>
    <rPh sb="28" eb="30">
      <t>ジュンヨウ</t>
    </rPh>
    <phoneticPr fontId="3"/>
  </si>
  <si>
    <t>)</t>
    <phoneticPr fontId="3"/>
  </si>
  <si>
    <t>（注）</t>
    <rPh sb="1" eb="2">
      <t>チュウ</t>
    </rPh>
    <phoneticPr fontId="3"/>
  </si>
  <si>
    <t>上記受託業務事項・条件および内容のレ印当該欄は作業に当たって制約を受けることになるので明示する。</t>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契約図書による。</t>
    <phoneticPr fontId="2"/>
  </si>
  <si>
    <t>台</t>
    <rPh sb="0" eb="1">
      <t>ダイ</t>
    </rPh>
    <phoneticPr fontId="3"/>
  </si>
  <si>
    <t>試運転費</t>
    <rPh sb="0" eb="3">
      <t>シウンテン</t>
    </rPh>
    <rPh sb="3" eb="4">
      <t>ヒ</t>
    </rPh>
    <phoneticPr fontId="2"/>
  </si>
  <si>
    <t>人</t>
    <rPh sb="0" eb="1">
      <t>ニン</t>
    </rPh>
    <phoneticPr fontId="2"/>
  </si>
  <si>
    <t>試運転費　計</t>
    <rPh sb="0" eb="3">
      <t>シウンテン</t>
    </rPh>
    <rPh sb="3" eb="4">
      <t>ヒ</t>
    </rPh>
    <rPh sb="5" eb="6">
      <t>ケイ</t>
    </rPh>
    <phoneticPr fontId="2"/>
  </si>
  <si>
    <t>令和</t>
    <rPh sb="0" eb="1">
      <t>レイ</t>
    </rPh>
    <rPh sb="1" eb="2">
      <t>ワ</t>
    </rPh>
    <phoneticPr fontId="3"/>
  </si>
  <si>
    <t>コンクリートガラ(有筋)</t>
    <rPh sb="9" eb="10">
      <t>ユウ</t>
    </rPh>
    <rPh sb="10" eb="11">
      <t>キン</t>
    </rPh>
    <phoneticPr fontId="2"/>
  </si>
  <si>
    <t>運搬</t>
    <rPh sb="0" eb="2">
      <t>ウンパン</t>
    </rPh>
    <phoneticPr fontId="2"/>
  </si>
  <si>
    <t>処分</t>
    <rPh sb="0" eb="2">
      <t>ショブン</t>
    </rPh>
    <phoneticPr fontId="2"/>
  </si>
  <si>
    <t>m</t>
  </si>
  <si>
    <t>基礎工</t>
    <rPh sb="0" eb="2">
      <t>キソ</t>
    </rPh>
    <rPh sb="2" eb="3">
      <t>コウ</t>
    </rPh>
    <phoneticPr fontId="12"/>
  </si>
  <si>
    <t>鉄筋コンクリート</t>
    <rPh sb="0" eb="2">
      <t>テッキン</t>
    </rPh>
    <phoneticPr fontId="2"/>
  </si>
  <si>
    <t>モルタル仕上げ</t>
    <rPh sb="4" eb="6">
      <t>シア</t>
    </rPh>
    <phoneticPr fontId="2"/>
  </si>
  <si>
    <t>モルタル充填</t>
    <rPh sb="4" eb="6">
      <t>ジュウテン</t>
    </rPh>
    <phoneticPr fontId="2"/>
  </si>
  <si>
    <t>鉄筋工</t>
    <rPh sb="0" eb="2">
      <t>テッキン</t>
    </rPh>
    <rPh sb="2" eb="3">
      <t>コウ</t>
    </rPh>
    <phoneticPr fontId="2"/>
  </si>
  <si>
    <t>型枠工</t>
    <rPh sb="0" eb="2">
      <t>カタワク</t>
    </rPh>
    <rPh sb="2" eb="3">
      <t>コウ</t>
    </rPh>
    <phoneticPr fontId="2"/>
  </si>
  <si>
    <t>はつり工</t>
    <rPh sb="3" eb="4">
      <t>コウ</t>
    </rPh>
    <phoneticPr fontId="2"/>
  </si>
  <si>
    <t>m3</t>
    <phoneticPr fontId="2"/>
  </si>
  <si>
    <t>基礎工 計</t>
    <rPh sb="0" eb="2">
      <t>キソ</t>
    </rPh>
    <rPh sb="2" eb="3">
      <t>コウ</t>
    </rPh>
    <rPh sb="4" eb="5">
      <t>ケイ</t>
    </rPh>
    <phoneticPr fontId="2"/>
  </si>
  <si>
    <t>ラフテレーンクレーン</t>
  </si>
  <si>
    <t>設備機械工</t>
    <rPh sb="0" eb="2">
      <t>セツビ</t>
    </rPh>
    <rPh sb="2" eb="4">
      <t>キカイ</t>
    </rPh>
    <rPh sb="4" eb="5">
      <t>コウ</t>
    </rPh>
    <phoneticPr fontId="2"/>
  </si>
  <si>
    <t>機械設備据付工</t>
    <rPh sb="0" eb="2">
      <t>キカイ</t>
    </rPh>
    <rPh sb="2" eb="4">
      <t>セツビ</t>
    </rPh>
    <rPh sb="4" eb="6">
      <t>スエツケ</t>
    </rPh>
    <rPh sb="6" eb="7">
      <t>コウ</t>
    </rPh>
    <phoneticPr fontId="2"/>
  </si>
  <si>
    <t>小配管弁類</t>
    <rPh sb="0" eb="3">
      <t>ショウハイカン</t>
    </rPh>
    <rPh sb="3" eb="4">
      <t>ベン</t>
    </rPh>
    <rPh sb="4" eb="5">
      <t>ルイ</t>
    </rPh>
    <phoneticPr fontId="12"/>
  </si>
  <si>
    <t>m3</t>
  </si>
  <si>
    <t>kg</t>
  </si>
  <si>
    <t>ℓ</t>
  </si>
  <si>
    <t>m2</t>
  </si>
  <si>
    <t>無筋コンクリート</t>
    <rPh sb="0" eb="2">
      <t>ムキン</t>
    </rPh>
    <phoneticPr fontId="2"/>
  </si>
  <si>
    <t>m3</t>
    <phoneticPr fontId="2"/>
  </si>
  <si>
    <t>ｍ2</t>
    <phoneticPr fontId="2"/>
  </si>
  <si>
    <t>SUS304TP Sch20</t>
    <phoneticPr fontId="2"/>
  </si>
  <si>
    <t>準備費積上げ分　計</t>
    <rPh sb="0" eb="2">
      <t>ジュンビ</t>
    </rPh>
    <rPh sb="2" eb="3">
      <t>ヒ</t>
    </rPh>
    <rPh sb="3" eb="5">
      <t>ツミア</t>
    </rPh>
    <rPh sb="6" eb="7">
      <t>ブン</t>
    </rPh>
    <rPh sb="8" eb="9">
      <t>ケイ</t>
    </rPh>
    <phoneticPr fontId="2"/>
  </si>
  <si>
    <t>鋼製加工品　計</t>
    <rPh sb="0" eb="2">
      <t>コウセイ</t>
    </rPh>
    <rPh sb="2" eb="5">
      <t>カコウヒン</t>
    </rPh>
    <rPh sb="6" eb="7">
      <t>ケイ</t>
    </rPh>
    <phoneticPr fontId="2"/>
  </si>
  <si>
    <t>式</t>
    <rPh sb="0" eb="1">
      <t>シキ</t>
    </rPh>
    <phoneticPr fontId="3"/>
  </si>
  <si>
    <t>工　事　名</t>
    <rPh sb="0" eb="1">
      <t>コウ</t>
    </rPh>
    <rPh sb="2" eb="3">
      <t>ジ</t>
    </rPh>
    <rPh sb="4" eb="5">
      <t>メイ</t>
    </rPh>
    <phoneticPr fontId="3"/>
  </si>
  <si>
    <t>令和3年度公共下水道事業</t>
    <rPh sb="0" eb="1">
      <t>レイ</t>
    </rPh>
    <rPh sb="1" eb="2">
      <t>ワ</t>
    </rPh>
    <rPh sb="3" eb="5">
      <t>ネンド</t>
    </rPh>
    <rPh sb="5" eb="7">
      <t>コウキョウ</t>
    </rPh>
    <rPh sb="7" eb="10">
      <t>ゲスイドウ</t>
    </rPh>
    <rPh sb="10" eb="12">
      <t>ジギョウ</t>
    </rPh>
    <phoneticPr fontId="3"/>
  </si>
  <si>
    <t>審査　　令和 　  ３年   　　月   　　日</t>
    <rPh sb="0" eb="2">
      <t>シンサ</t>
    </rPh>
    <rPh sb="4" eb="5">
      <t>レイ</t>
    </rPh>
    <rPh sb="5" eb="6">
      <t>ワ</t>
    </rPh>
    <phoneticPr fontId="3"/>
  </si>
  <si>
    <t>設計　　令和　  ３年   　　月   　　日</t>
    <rPh sb="4" eb="5">
      <t>レイ</t>
    </rPh>
    <rPh sb="5" eb="6">
      <t>ワ</t>
    </rPh>
    <phoneticPr fontId="3"/>
  </si>
  <si>
    <t>流入ゲート</t>
    <rPh sb="0" eb="2">
      <t>リュウニュウ</t>
    </rPh>
    <phoneticPr fontId="3"/>
  </si>
  <si>
    <t>主水路ゲート</t>
    <rPh sb="0" eb="1">
      <t>シュ</t>
    </rPh>
    <rPh sb="1" eb="3">
      <t>スイロ</t>
    </rPh>
    <phoneticPr fontId="3"/>
  </si>
  <si>
    <t>バイパスゲート</t>
    <phoneticPr fontId="3"/>
  </si>
  <si>
    <t>防護柵</t>
    <rPh sb="0" eb="2">
      <t>ボウゴ</t>
    </rPh>
    <rPh sb="2" eb="3">
      <t>サク</t>
    </rPh>
    <phoneticPr fontId="3"/>
  </si>
  <si>
    <t>細目スクリーン</t>
    <rPh sb="0" eb="2">
      <t>ホソメ</t>
    </rPh>
    <phoneticPr fontId="3"/>
  </si>
  <si>
    <t>破砕機</t>
    <rPh sb="0" eb="3">
      <t>ハサイキ</t>
    </rPh>
    <phoneticPr fontId="3"/>
  </si>
  <si>
    <t>汚水ポンプ</t>
    <rPh sb="0" eb="2">
      <t>オスイ</t>
    </rPh>
    <phoneticPr fontId="3"/>
  </si>
  <si>
    <t>脱臭ファン</t>
    <rPh sb="0" eb="2">
      <t>ダッシュウ</t>
    </rPh>
    <phoneticPr fontId="3"/>
  </si>
  <si>
    <t>機器搬入吊上装置</t>
    <rPh sb="0" eb="2">
      <t>キキ</t>
    </rPh>
    <rPh sb="2" eb="4">
      <t>ハンニュウ</t>
    </rPh>
    <rPh sb="4" eb="6">
      <t>ツリア</t>
    </rPh>
    <rPh sb="6" eb="8">
      <t>ソウチ</t>
    </rPh>
    <phoneticPr fontId="3"/>
  </si>
  <si>
    <t>汚水ポンプ吊上装置</t>
    <rPh sb="0" eb="2">
      <t>オスイ</t>
    </rPh>
    <rPh sb="5" eb="6">
      <t>ツリ</t>
    </rPh>
    <rPh sb="6" eb="7">
      <t>ア</t>
    </rPh>
    <rPh sb="7" eb="9">
      <t>ソウチ</t>
    </rPh>
    <phoneticPr fontId="3"/>
  </si>
  <si>
    <t>200A</t>
  </si>
  <si>
    <t>200A</t>
    <phoneticPr fontId="2"/>
  </si>
  <si>
    <t>150A</t>
    <phoneticPr fontId="2"/>
  </si>
  <si>
    <t>100A</t>
    <phoneticPr fontId="2"/>
  </si>
  <si>
    <t>25A</t>
    <phoneticPr fontId="2"/>
  </si>
  <si>
    <t>ｍ</t>
    <phoneticPr fontId="2"/>
  </si>
  <si>
    <t>式</t>
    <rPh sb="0" eb="1">
      <t>シキ</t>
    </rPh>
    <phoneticPr fontId="12"/>
  </si>
  <si>
    <t>125A</t>
    <phoneticPr fontId="2"/>
  </si>
  <si>
    <t>ｍ</t>
    <phoneticPr fontId="2"/>
  </si>
  <si>
    <t>式</t>
    <rPh sb="0" eb="1">
      <t>シキ</t>
    </rPh>
    <phoneticPr fontId="2"/>
  </si>
  <si>
    <t xml:space="preserve"> VU φ200</t>
  </si>
  <si>
    <t xml:space="preserve"> VU φ150</t>
    <phoneticPr fontId="2"/>
  </si>
  <si>
    <t xml:space="preserve"> VU φ125</t>
    <phoneticPr fontId="2"/>
  </si>
  <si>
    <t>仕切弁</t>
    <rPh sb="0" eb="3">
      <t>シキリベン</t>
    </rPh>
    <phoneticPr fontId="2"/>
  </si>
  <si>
    <t>硬質ポリ塩化ビニル管</t>
    <rPh sb="0" eb="2">
      <t>コウシツ</t>
    </rPh>
    <rPh sb="4" eb="6">
      <t>エンカ</t>
    </rPh>
    <rPh sb="9" eb="10">
      <t>カン</t>
    </rPh>
    <phoneticPr fontId="1"/>
  </si>
  <si>
    <t>ボール弁</t>
    <rPh sb="3" eb="4">
      <t>ベン</t>
    </rPh>
    <phoneticPr fontId="2"/>
  </si>
  <si>
    <t>ボール式逆止弁</t>
    <rPh sb="3" eb="4">
      <t>シキ</t>
    </rPh>
    <rPh sb="4" eb="7">
      <t>ギャクシベン</t>
    </rPh>
    <phoneticPr fontId="2"/>
  </si>
  <si>
    <t>逆止弁</t>
    <rPh sb="0" eb="3">
      <t>ギャクシベン</t>
    </rPh>
    <phoneticPr fontId="2"/>
  </si>
  <si>
    <t>ダンパ</t>
  </si>
  <si>
    <t>防虫網</t>
    <rPh sb="0" eb="2">
      <t>ボウチュウ</t>
    </rPh>
    <rPh sb="2" eb="3">
      <t>アミ</t>
    </rPh>
    <phoneticPr fontId="2"/>
  </si>
  <si>
    <t>JIS10K CAC 25Ａ</t>
  </si>
  <si>
    <t>JIS10K FC/SUS 150Ａ</t>
  </si>
  <si>
    <t>JIS10K FC/SUS 100Ａ</t>
  </si>
  <si>
    <t>JIS10K SCS 100Ａ</t>
  </si>
  <si>
    <t>JIS10K CAC 20Ａ</t>
  </si>
  <si>
    <t>JIS5K PVC φ200</t>
  </si>
  <si>
    <t>JIS5K PVC φ125</t>
  </si>
  <si>
    <t>個</t>
    <rPh sb="0" eb="1">
      <t>コ</t>
    </rPh>
    <phoneticPr fontId="2"/>
  </si>
  <si>
    <t>小配管弁類　計</t>
    <rPh sb="0" eb="3">
      <t>ショウハイカン</t>
    </rPh>
    <rPh sb="3" eb="4">
      <t>ベン</t>
    </rPh>
    <rPh sb="4" eb="5">
      <t>ルイ</t>
    </rPh>
    <rPh sb="6" eb="7">
      <t>ケイ</t>
    </rPh>
    <phoneticPr fontId="2"/>
  </si>
  <si>
    <t>直接材料費　計</t>
    <rPh sb="0" eb="2">
      <t>チョクセツ</t>
    </rPh>
    <rPh sb="2" eb="5">
      <t>ザイリョウヒ</t>
    </rPh>
    <rPh sb="6" eb="7">
      <t>ケイ</t>
    </rPh>
    <phoneticPr fontId="2"/>
  </si>
  <si>
    <t>小配管弁類</t>
    <rPh sb="0" eb="5">
      <t>ショウハイカンベンルイ</t>
    </rPh>
    <phoneticPr fontId="2"/>
  </si>
  <si>
    <t>24N/㎜2</t>
    <phoneticPr fontId="2"/>
  </si>
  <si>
    <t>18N/㎜2</t>
    <phoneticPr fontId="2"/>
  </si>
  <si>
    <t>直接材料費</t>
    <rPh sb="0" eb="2">
      <t>チョクセツ</t>
    </rPh>
    <rPh sb="2" eb="5">
      <t>ザイリョウヒ</t>
    </rPh>
    <phoneticPr fontId="2"/>
  </si>
  <si>
    <t>複合工費</t>
    <rPh sb="0" eb="2">
      <t>フクゴウ</t>
    </rPh>
    <rPh sb="2" eb="3">
      <t>コウ</t>
    </rPh>
    <rPh sb="3" eb="4">
      <t>ヒ</t>
    </rPh>
    <phoneticPr fontId="3"/>
  </si>
  <si>
    <t>　その他</t>
    <rPh sb="3" eb="4">
      <t>タ</t>
    </rPh>
    <phoneticPr fontId="2"/>
  </si>
  <si>
    <t>　その他　計</t>
    <rPh sb="3" eb="4">
      <t>タ</t>
    </rPh>
    <rPh sb="5" eb="6">
      <t>ケイ</t>
    </rPh>
    <phoneticPr fontId="2"/>
  </si>
  <si>
    <t>　硬質ポリ塩化ビニル管</t>
    <rPh sb="1" eb="3">
      <t>コウシツ</t>
    </rPh>
    <rPh sb="5" eb="7">
      <t>エンカ</t>
    </rPh>
    <rPh sb="10" eb="11">
      <t>カン</t>
    </rPh>
    <phoneticPr fontId="2"/>
  </si>
  <si>
    <t>　硬質ポリ塩化ビニル管　計</t>
    <rPh sb="1" eb="3">
      <t>コウシツ</t>
    </rPh>
    <rPh sb="5" eb="7">
      <t>エンカ</t>
    </rPh>
    <rPh sb="10" eb="11">
      <t>カン</t>
    </rPh>
    <rPh sb="12" eb="13">
      <t>ケイ</t>
    </rPh>
    <phoneticPr fontId="2"/>
  </si>
  <si>
    <t>　配管用ｽﾃﾝﾚｽ鋼管　計</t>
    <rPh sb="1" eb="4">
      <t>ハイカンヨウ</t>
    </rPh>
    <rPh sb="9" eb="11">
      <t>コウカン</t>
    </rPh>
    <rPh sb="12" eb="13">
      <t>ケイ</t>
    </rPh>
    <phoneticPr fontId="12"/>
  </si>
  <si>
    <t>　配管用ｽﾃﾝﾚｽ鋼管</t>
    <rPh sb="1" eb="4">
      <t>ハイカンヨウ</t>
    </rPh>
    <rPh sb="9" eb="11">
      <t>コウカン</t>
    </rPh>
    <phoneticPr fontId="12"/>
  </si>
  <si>
    <t>鋼製加工品</t>
    <rPh sb="0" eb="2">
      <t>コウセイ</t>
    </rPh>
    <rPh sb="2" eb="5">
      <t>カコウヒン</t>
    </rPh>
    <phoneticPr fontId="12"/>
  </si>
  <si>
    <t>　</t>
    <phoneticPr fontId="2"/>
  </si>
  <si>
    <t>架台類</t>
    <rPh sb="0" eb="2">
      <t>カダイ</t>
    </rPh>
    <rPh sb="2" eb="3">
      <t>ルイ</t>
    </rPh>
    <phoneticPr fontId="2"/>
  </si>
  <si>
    <t>㎏</t>
    <phoneticPr fontId="2"/>
  </si>
  <si>
    <t>蓋類</t>
    <rPh sb="0" eb="1">
      <t>フタ</t>
    </rPh>
    <rPh sb="1" eb="2">
      <t>ルイ</t>
    </rPh>
    <phoneticPr fontId="2"/>
  </si>
  <si>
    <t>㎏</t>
    <phoneticPr fontId="2"/>
  </si>
  <si>
    <t>架台類</t>
    <rPh sb="0" eb="2">
      <t>カダイ</t>
    </rPh>
    <rPh sb="2" eb="3">
      <t>ルイ</t>
    </rPh>
    <phoneticPr fontId="2"/>
  </si>
  <si>
    <t>SUS304</t>
    <phoneticPr fontId="2"/>
  </si>
  <si>
    <t>サポート類</t>
    <rPh sb="4" eb="5">
      <t>ルイ</t>
    </rPh>
    <phoneticPr fontId="2"/>
  </si>
  <si>
    <t>SUS304</t>
    <phoneticPr fontId="2"/>
  </si>
  <si>
    <t>グレーチング</t>
    <phoneticPr fontId="2"/>
  </si>
  <si>
    <t>式</t>
    <rPh sb="0" eb="1">
      <t>シキ</t>
    </rPh>
    <phoneticPr fontId="3"/>
  </si>
  <si>
    <t>電工</t>
    <rPh sb="0" eb="2">
      <t>デンコウ</t>
    </rPh>
    <phoneticPr fontId="3"/>
  </si>
  <si>
    <t>人</t>
    <rPh sb="0" eb="1">
      <t>ニン</t>
    </rPh>
    <phoneticPr fontId="3"/>
  </si>
  <si>
    <t>技術労務費</t>
    <rPh sb="0" eb="2">
      <t>ギジュツ</t>
    </rPh>
    <rPh sb="2" eb="5">
      <t>ロウムヒ</t>
    </rPh>
    <phoneticPr fontId="3"/>
  </si>
  <si>
    <t>技術者</t>
    <rPh sb="0" eb="3">
      <t>ギジュツシャ</t>
    </rPh>
    <phoneticPr fontId="3"/>
  </si>
  <si>
    <t>技術労務費　計</t>
    <rPh sb="0" eb="2">
      <t>ギジュツ</t>
    </rPh>
    <rPh sb="2" eb="5">
      <t>ロウムヒ</t>
    </rPh>
    <rPh sb="6" eb="7">
      <t>ケイ</t>
    </rPh>
    <phoneticPr fontId="3"/>
  </si>
  <si>
    <t>　　</t>
    <phoneticPr fontId="3"/>
  </si>
  <si>
    <t>㎏</t>
  </si>
  <si>
    <t>合成木材蓋</t>
    <rPh sb="0" eb="2">
      <t>ゴウセイ</t>
    </rPh>
    <rPh sb="2" eb="4">
      <t>モクザイ</t>
    </rPh>
    <rPh sb="4" eb="5">
      <t>ブタ</t>
    </rPh>
    <phoneticPr fontId="2"/>
  </si>
  <si>
    <t>㎥</t>
    <phoneticPr fontId="2"/>
  </si>
  <si>
    <t>防食塗装</t>
    <rPh sb="0" eb="2">
      <t>ボウショク</t>
    </rPh>
    <rPh sb="2" eb="4">
      <t>トソウ</t>
    </rPh>
    <phoneticPr fontId="2"/>
  </si>
  <si>
    <t>Ⅱ類･Ｃ種　壁部</t>
  </si>
  <si>
    <t>Ⅱ類･Ｃ種　床部</t>
  </si>
  <si>
    <t>Ⅱ類･Ｃ種　天井部</t>
  </si>
  <si>
    <t>Ⅱ類･Ｄ種　壁部</t>
  </si>
  <si>
    <t>Ⅱ類･Ｄ種　床部</t>
  </si>
  <si>
    <t>Ⅱ類･Ｄ種　天井部</t>
  </si>
  <si>
    <t>防食塗装費</t>
    <rPh sb="0" eb="2">
      <t>ボウショク</t>
    </rPh>
    <rPh sb="2" eb="5">
      <t>トソウヒ</t>
    </rPh>
    <phoneticPr fontId="2"/>
  </si>
  <si>
    <t>防食塗装費　計</t>
    <rPh sb="0" eb="2">
      <t>ボウショク</t>
    </rPh>
    <rPh sb="2" eb="4">
      <t>トソウ</t>
    </rPh>
    <rPh sb="4" eb="5">
      <t>ヒ</t>
    </rPh>
    <rPh sb="6" eb="7">
      <t>ケイ</t>
    </rPh>
    <phoneticPr fontId="2"/>
  </si>
  <si>
    <t>防食塗装</t>
    <rPh sb="0" eb="2">
      <t>ボウショク</t>
    </rPh>
    <rPh sb="2" eb="4">
      <t>トソウ</t>
    </rPh>
    <phoneticPr fontId="3"/>
  </si>
  <si>
    <t>式</t>
    <rPh sb="0" eb="1">
      <t>シキ</t>
    </rPh>
    <phoneticPr fontId="3"/>
  </si>
  <si>
    <t>4.9t吊</t>
    <rPh sb="4" eb="5">
      <t>ツリ</t>
    </rPh>
    <phoneticPr fontId="2"/>
  </si>
  <si>
    <t>式</t>
    <rPh sb="0" eb="1">
      <t>シキ</t>
    </rPh>
    <phoneticPr fontId="2"/>
  </si>
  <si>
    <t>複合工計</t>
    <rPh sb="0" eb="2">
      <t>フクゴウ</t>
    </rPh>
    <rPh sb="2" eb="3">
      <t>コウ</t>
    </rPh>
    <rPh sb="3" eb="4">
      <t>ケイ</t>
    </rPh>
    <phoneticPr fontId="2"/>
  </si>
  <si>
    <t>SUS304TP Sch10</t>
    <phoneticPr fontId="2"/>
  </si>
  <si>
    <t>SS400（溶融亜鉛メッキ仕上げ）</t>
    <rPh sb="6" eb="10">
      <t>ヨウユウアエン</t>
    </rPh>
    <rPh sb="13" eb="15">
      <t>シア</t>
    </rPh>
    <phoneticPr fontId="2"/>
  </si>
  <si>
    <t>Ｄ13</t>
    <phoneticPr fontId="2"/>
  </si>
  <si>
    <t>下水道用設計標準歩掛表　令和3年度</t>
    <rPh sb="0" eb="3">
      <t>ゲスイドウ</t>
    </rPh>
    <rPh sb="3" eb="4">
      <t>ヨウ</t>
    </rPh>
    <rPh sb="4" eb="6">
      <t>セッケイ</t>
    </rPh>
    <rPh sb="6" eb="8">
      <t>ヒョウジュン</t>
    </rPh>
    <rPh sb="8" eb="9">
      <t>ブ</t>
    </rPh>
    <rPh sb="9" eb="10">
      <t>ガカリ</t>
    </rPh>
    <rPh sb="10" eb="11">
      <t>ヒョウ</t>
    </rPh>
    <rPh sb="12" eb="13">
      <t>レイ</t>
    </rPh>
    <rPh sb="13" eb="14">
      <t>ワ</t>
    </rPh>
    <rPh sb="15" eb="17">
      <t>ネンド</t>
    </rPh>
    <phoneticPr fontId="3"/>
  </si>
  <si>
    <t>国土交通省大臣官房官庁営繕部監修　公共建築工事積算基準　令和3年版</t>
    <rPh sb="0" eb="2">
      <t>コクド</t>
    </rPh>
    <rPh sb="2" eb="5">
      <t>コウツウショウ</t>
    </rPh>
    <rPh sb="5" eb="7">
      <t>ダイジン</t>
    </rPh>
    <rPh sb="7" eb="9">
      <t>カンボウ</t>
    </rPh>
    <rPh sb="9" eb="11">
      <t>カンチョウ</t>
    </rPh>
    <rPh sb="11" eb="13">
      <t>エイゼン</t>
    </rPh>
    <rPh sb="13" eb="14">
      <t>ブ</t>
    </rPh>
    <rPh sb="14" eb="16">
      <t>カンシュウ</t>
    </rPh>
    <rPh sb="17" eb="19">
      <t>コウキョウ</t>
    </rPh>
    <rPh sb="19" eb="21">
      <t>ケンチク</t>
    </rPh>
    <rPh sb="21" eb="23">
      <t>コウジ</t>
    </rPh>
    <rPh sb="23" eb="25">
      <t>セキサン</t>
    </rPh>
    <rPh sb="25" eb="27">
      <t>キジュン</t>
    </rPh>
    <rPh sb="28" eb="30">
      <t>レイワ</t>
    </rPh>
    <rPh sb="31" eb="33">
      <t>ネンバン</t>
    </rPh>
    <phoneticPr fontId="3"/>
  </si>
  <si>
    <t>令和3年 4月1日制定版</t>
    <rPh sb="0" eb="2">
      <t>レイワ</t>
    </rPh>
    <rPh sb="3" eb="4">
      <t>ネン</t>
    </rPh>
    <rPh sb="4" eb="5">
      <t>ヘイネン</t>
    </rPh>
    <rPh sb="6" eb="7">
      <t>ガツ</t>
    </rPh>
    <rPh sb="8" eb="9">
      <t>ニチ</t>
    </rPh>
    <rPh sb="9" eb="11">
      <t>セイテイ</t>
    </rPh>
    <rPh sb="11" eb="12">
      <t>バン</t>
    </rPh>
    <phoneticPr fontId="3"/>
  </si>
  <si>
    <t>2021年9月</t>
    <rPh sb="4" eb="5">
      <t>ネン</t>
    </rPh>
    <rPh sb="6" eb="7">
      <t>ガツ</t>
    </rPh>
    <phoneticPr fontId="2"/>
  </si>
  <si>
    <t>三重県公共工事共通仕様書（令和2年8月版）を準用</t>
    <rPh sb="0" eb="3">
      <t>ミエケン</t>
    </rPh>
    <rPh sb="3" eb="5">
      <t>コウキョウ</t>
    </rPh>
    <rPh sb="5" eb="7">
      <t>コウジ</t>
    </rPh>
    <rPh sb="7" eb="9">
      <t>キョウツウ</t>
    </rPh>
    <rPh sb="9" eb="12">
      <t>シヨウショ</t>
    </rPh>
    <rPh sb="13" eb="15">
      <t>レイワ</t>
    </rPh>
    <rPh sb="16" eb="17">
      <t>ネン</t>
    </rPh>
    <rPh sb="18" eb="19">
      <t>ガツ</t>
    </rPh>
    <rPh sb="19" eb="20">
      <t>バン</t>
    </rPh>
    <rPh sb="22" eb="24">
      <t>ジュンヨウ</t>
    </rPh>
    <phoneticPr fontId="3"/>
  </si>
  <si>
    <t>（受注者は四日市市検査規程第8条第6項の規程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一式内訳</t>
    <rPh sb="0" eb="2">
      <t>イッシキ</t>
    </rPh>
    <rPh sb="2" eb="4">
      <t>ウチワケ</t>
    </rPh>
    <phoneticPr fontId="3"/>
  </si>
  <si>
    <t xml:space="preserve"> VＰ φ25</t>
    <phoneticPr fontId="2"/>
  </si>
  <si>
    <t xml:space="preserve"> VＰ φ20</t>
    <phoneticPr fontId="2"/>
  </si>
  <si>
    <t>鋼製加工品</t>
    <rPh sb="0" eb="5">
      <t>コウセイカコウヒン</t>
    </rPh>
    <phoneticPr fontId="3"/>
  </si>
  <si>
    <t>合成木材蓋</t>
    <rPh sb="0" eb="5">
      <t>ゴウセイモクザイフタ</t>
    </rPh>
    <phoneticPr fontId="3"/>
  </si>
  <si>
    <t>三重県県土整備部制定　積算基準（共通編・道路編）</t>
    <rPh sb="0" eb="3">
      <t>ミエケン</t>
    </rPh>
    <rPh sb="3" eb="5">
      <t>ケンド</t>
    </rPh>
    <rPh sb="5" eb="7">
      <t>セイビ</t>
    </rPh>
    <rPh sb="7" eb="8">
      <t>ブ</t>
    </rPh>
    <rPh sb="8" eb="10">
      <t>セイテイ</t>
    </rPh>
    <rPh sb="11" eb="13">
      <t>セキサン</t>
    </rPh>
    <rPh sb="13" eb="15">
      <t>キジュン</t>
    </rPh>
    <rPh sb="16" eb="18">
      <t>キョウツウ</t>
    </rPh>
    <rPh sb="18" eb="19">
      <t>ヘン</t>
    </rPh>
    <rPh sb="20" eb="22">
      <t>ドウロ</t>
    </rPh>
    <rPh sb="22" eb="23">
      <t>ヘン</t>
    </rPh>
    <phoneticPr fontId="3"/>
  </si>
  <si>
    <t>波木汚水中継ポンプ場電気設備工事・上屋建築工事</t>
    <rPh sb="0" eb="6">
      <t>ハギオスイチュウケイ</t>
    </rPh>
    <rPh sb="9" eb="10">
      <t>ジョウ</t>
    </rPh>
    <rPh sb="10" eb="12">
      <t>デンキ</t>
    </rPh>
    <rPh sb="12" eb="14">
      <t>セツビ</t>
    </rPh>
    <rPh sb="14" eb="16">
      <t>コウジ</t>
    </rPh>
    <rPh sb="17" eb="19">
      <t>ウワヤ</t>
    </rPh>
    <rPh sb="19" eb="21">
      <t>ケンチク</t>
    </rPh>
    <rPh sb="21" eb="23">
      <t>コウジ</t>
    </rPh>
    <phoneticPr fontId="2"/>
  </si>
  <si>
    <t>一般労務費(技術者含む)</t>
    <rPh sb="0" eb="2">
      <t>イッパン</t>
    </rPh>
    <rPh sb="2" eb="5">
      <t>ロウムヒ</t>
    </rPh>
    <rPh sb="6" eb="9">
      <t>ギジュツシャ</t>
    </rPh>
    <rPh sb="9" eb="10">
      <t>フク</t>
    </rPh>
    <phoneticPr fontId="3"/>
  </si>
  <si>
    <t>乾式脱臭装置</t>
    <rPh sb="0" eb="2">
      <t>カンシキ</t>
    </rPh>
    <rPh sb="2" eb="4">
      <t>ダッシュウ</t>
    </rPh>
    <rPh sb="4" eb="6">
      <t>ソウチ</t>
    </rPh>
    <phoneticPr fontId="3"/>
  </si>
  <si>
    <t>門</t>
    <rPh sb="0" eb="1">
      <t>モン</t>
    </rPh>
    <phoneticPr fontId="3"/>
  </si>
  <si>
    <t>基</t>
    <rPh sb="0" eb="1">
      <t>キ</t>
    </rPh>
    <phoneticPr fontId="3"/>
  </si>
  <si>
    <t/>
  </si>
  <si>
    <t>四日市市波木町地内</t>
  </si>
  <si>
    <t>波木汚水中継ポンプ場機械設備工事</t>
  </si>
  <si>
    <t>・汚水中継ポンプ場機械設備の新規製作、据付一式</t>
  </si>
  <si>
    <t>波木汚水中継ポンプ場  機械設備工事</t>
  </si>
  <si>
    <t>式</t>
    <phoneticPr fontId="64"/>
  </si>
  <si>
    <t xml:space="preserve">1   </t>
    <phoneticPr fontId="64"/>
  </si>
  <si>
    <t>工事原価</t>
    <rPh sb="2" eb="4">
      <t>ゲンカ</t>
    </rPh>
    <phoneticPr fontId="64"/>
  </si>
  <si>
    <t>計</t>
    <phoneticPr fontId="64"/>
  </si>
  <si>
    <t>式</t>
    <phoneticPr fontId="64"/>
  </si>
  <si>
    <t xml:space="preserve">1   </t>
    <phoneticPr fontId="64"/>
  </si>
  <si>
    <t xml:space="preserve">  現場管理費    </t>
    <phoneticPr fontId="64"/>
  </si>
  <si>
    <t xml:space="preserve">  共通仮設費    </t>
    <phoneticPr fontId="64"/>
  </si>
  <si>
    <t xml:space="preserve">共通費          </t>
    <phoneticPr fontId="64"/>
  </si>
  <si>
    <t xml:space="preserve">機械設備工事    </t>
    <phoneticPr fontId="64"/>
  </si>
  <si>
    <t xml:space="preserve">直接工事費      </t>
    <phoneticPr fontId="64"/>
  </si>
  <si>
    <t>備　　　　考</t>
    <rPh sb="0" eb="1">
      <t>ソナエ</t>
    </rPh>
    <rPh sb="5" eb="6">
      <t>コウ</t>
    </rPh>
    <phoneticPr fontId="3"/>
  </si>
  <si>
    <t>金 　　　　　額</t>
    <rPh sb="0" eb="1">
      <t>キン</t>
    </rPh>
    <rPh sb="7" eb="8">
      <t>ガク</t>
    </rPh>
    <phoneticPr fontId="3"/>
  </si>
  <si>
    <t>単 位</t>
    <rPh sb="0" eb="1">
      <t>タン</t>
    </rPh>
    <rPh sb="2" eb="3">
      <t>クライ</t>
    </rPh>
    <phoneticPr fontId="3"/>
  </si>
  <si>
    <t>数　　量</t>
    <rPh sb="0" eb="1">
      <t>カズ</t>
    </rPh>
    <rPh sb="3" eb="4">
      <t>リョウ</t>
    </rPh>
    <phoneticPr fontId="3"/>
  </si>
  <si>
    <t>名　　　　　　　　　　　　称</t>
    <rPh sb="0" eb="1">
      <t>ナ</t>
    </rPh>
    <rPh sb="13" eb="14">
      <t>ショウ</t>
    </rPh>
    <phoneticPr fontId="3"/>
  </si>
  <si>
    <t>1</t>
    <phoneticPr fontId="64"/>
  </si>
  <si>
    <t>工事費内訳</t>
    <phoneticPr fontId="64"/>
  </si>
  <si>
    <t>計</t>
    <phoneticPr fontId="64"/>
  </si>
  <si>
    <t>式</t>
    <phoneticPr fontId="64"/>
  </si>
  <si>
    <t>2</t>
    <phoneticPr fontId="64"/>
  </si>
  <si>
    <t>工事種別内訳</t>
    <phoneticPr fontId="64"/>
  </si>
  <si>
    <t>計</t>
    <phoneticPr fontId="64"/>
  </si>
  <si>
    <t xml:space="preserve">ポンプ場        </t>
    <phoneticPr fontId="64"/>
  </si>
  <si>
    <t>3</t>
    <phoneticPr fontId="64"/>
  </si>
  <si>
    <t>機械設備工事　種目別内訳</t>
    <phoneticPr fontId="64"/>
  </si>
  <si>
    <t xml:space="preserve">排水設備        </t>
    <phoneticPr fontId="64"/>
  </si>
  <si>
    <t xml:space="preserve">給水設備        </t>
    <phoneticPr fontId="64"/>
  </si>
  <si>
    <t xml:space="preserve">衛生器具設備    </t>
    <phoneticPr fontId="64"/>
  </si>
  <si>
    <t xml:space="preserve">換気設備        </t>
    <phoneticPr fontId="64"/>
  </si>
  <si>
    <t>ポンプ場</t>
    <phoneticPr fontId="64"/>
  </si>
  <si>
    <t>4</t>
    <phoneticPr fontId="64"/>
  </si>
  <si>
    <t>機械設備工事　科目別内訳</t>
    <phoneticPr fontId="64"/>
  </si>
  <si>
    <t>式</t>
    <phoneticPr fontId="64"/>
  </si>
  <si>
    <t xml:space="preserve">1   </t>
    <phoneticPr fontId="64"/>
  </si>
  <si>
    <t xml:space="preserve">衛生器具設備    </t>
    <phoneticPr fontId="64"/>
  </si>
  <si>
    <t xml:space="preserve">ダクト設備      </t>
    <phoneticPr fontId="64"/>
  </si>
  <si>
    <t xml:space="preserve">機器設備        </t>
    <phoneticPr fontId="64"/>
  </si>
  <si>
    <t xml:space="preserve">換気設備        </t>
    <phoneticPr fontId="64"/>
  </si>
  <si>
    <t>中　科　目　名　称</t>
    <rPh sb="0" eb="1">
      <t>チュウ</t>
    </rPh>
    <rPh sb="2" eb="3">
      <t>カ</t>
    </rPh>
    <rPh sb="4" eb="5">
      <t>メ</t>
    </rPh>
    <rPh sb="6" eb="7">
      <t>メイ</t>
    </rPh>
    <rPh sb="8" eb="9">
      <t>ショウ</t>
    </rPh>
    <phoneticPr fontId="3"/>
  </si>
  <si>
    <t>科　目　名　称</t>
    <rPh sb="0" eb="1">
      <t>カ</t>
    </rPh>
    <rPh sb="2" eb="3">
      <t>メ</t>
    </rPh>
    <rPh sb="4" eb="5">
      <t>ナ</t>
    </rPh>
    <rPh sb="6" eb="7">
      <t>ショウ</t>
    </rPh>
    <phoneticPr fontId="3"/>
  </si>
  <si>
    <t>ポンプ場</t>
    <phoneticPr fontId="64"/>
  </si>
  <si>
    <t>5</t>
    <phoneticPr fontId="64"/>
  </si>
  <si>
    <t>機械設備工事　中科目別内訳</t>
    <phoneticPr fontId="64"/>
  </si>
  <si>
    <t>計</t>
    <phoneticPr fontId="64"/>
  </si>
  <si>
    <t xml:space="preserve">スリーブ        </t>
    <phoneticPr fontId="64"/>
  </si>
  <si>
    <t>個</t>
    <phoneticPr fontId="64"/>
  </si>
  <si>
    <t xml:space="preserve">VC75                            </t>
    <phoneticPr fontId="64"/>
  </si>
  <si>
    <t xml:space="preserve">通気金具        </t>
    <phoneticPr fontId="64"/>
  </si>
  <si>
    <t>ｍ</t>
    <phoneticPr fontId="64"/>
  </si>
  <si>
    <t xml:space="preserve">(VP)            </t>
    <phoneticPr fontId="64"/>
  </si>
  <si>
    <t xml:space="preserve">5   </t>
    <phoneticPr fontId="64"/>
  </si>
  <si>
    <t xml:space="preserve">塩化ﾋﾞﾆﾙ管      </t>
    <phoneticPr fontId="64"/>
  </si>
  <si>
    <t xml:space="preserve">機械室・便所    75A             </t>
    <phoneticPr fontId="64"/>
  </si>
  <si>
    <t xml:space="preserve">通気・硬質ﾎﾟﾘ   </t>
    <phoneticPr fontId="64"/>
  </si>
  <si>
    <t xml:space="preserve">13   </t>
    <phoneticPr fontId="64"/>
  </si>
  <si>
    <t xml:space="preserve">排水・硬質ﾎﾟﾘ   </t>
    <phoneticPr fontId="64"/>
  </si>
  <si>
    <t xml:space="preserve">6   </t>
    <phoneticPr fontId="64"/>
  </si>
  <si>
    <t xml:space="preserve">機械室・便所    40A             </t>
    <phoneticPr fontId="64"/>
  </si>
  <si>
    <t>金 　　　額</t>
    <rPh sb="0" eb="1">
      <t>キン</t>
    </rPh>
    <rPh sb="5" eb="6">
      <t>ガク</t>
    </rPh>
    <phoneticPr fontId="3"/>
  </si>
  <si>
    <t>単　　価</t>
    <rPh sb="0" eb="1">
      <t>タン</t>
    </rPh>
    <rPh sb="3" eb="4">
      <t>アタイ</t>
    </rPh>
    <phoneticPr fontId="3"/>
  </si>
  <si>
    <t>摘　　　　　要</t>
    <rPh sb="0" eb="1">
      <t>テキ</t>
    </rPh>
    <rPh sb="6" eb="7">
      <t>ヨウ</t>
    </rPh>
    <phoneticPr fontId="3"/>
  </si>
  <si>
    <t>名　　　称</t>
    <rPh sb="0" eb="1">
      <t>ナ</t>
    </rPh>
    <rPh sb="4" eb="5">
      <t>ショウ</t>
    </rPh>
    <phoneticPr fontId="3"/>
  </si>
  <si>
    <t>排水設備</t>
    <phoneticPr fontId="64"/>
  </si>
  <si>
    <t>11</t>
    <phoneticPr fontId="64"/>
  </si>
  <si>
    <t>機械設備工事　細目別内訳</t>
    <phoneticPr fontId="64"/>
  </si>
  <si>
    <t xml:space="preserve">保温工事        </t>
    <phoneticPr fontId="64"/>
  </si>
  <si>
    <t>組</t>
    <phoneticPr fontId="64"/>
  </si>
  <si>
    <t xml:space="preserve">機 械 VC-P( 550H)               </t>
    <phoneticPr fontId="64"/>
  </si>
  <si>
    <t xml:space="preserve">弁桝            </t>
    <phoneticPr fontId="64"/>
  </si>
  <si>
    <t xml:space="preserve">3   </t>
    <phoneticPr fontId="64"/>
  </si>
  <si>
    <t xml:space="preserve">(管端防食ｺｱ)    </t>
    <phoneticPr fontId="64"/>
  </si>
  <si>
    <t xml:space="preserve">10K(ねじ･給水用) 20A            </t>
    <phoneticPr fontId="64"/>
  </si>
  <si>
    <t xml:space="preserve">仕切弁          </t>
    <phoneticPr fontId="64"/>
  </si>
  <si>
    <t xml:space="preserve">ﾎﾟﾘ塩ﾋﾞ管(HIVP) </t>
    <phoneticPr fontId="64"/>
  </si>
  <si>
    <t xml:space="preserve">地中配管        20A             </t>
    <phoneticPr fontId="64"/>
  </si>
  <si>
    <t xml:space="preserve">給水・耐衝撃性  </t>
    <phoneticPr fontId="64"/>
  </si>
  <si>
    <t xml:space="preserve">(SGP-VA)        </t>
    <phoneticPr fontId="64"/>
  </si>
  <si>
    <t xml:space="preserve">33   </t>
    <phoneticPr fontId="64"/>
  </si>
  <si>
    <t xml:space="preserve"> 20A                            </t>
    <phoneticPr fontId="64"/>
  </si>
  <si>
    <t xml:space="preserve">ﾗｲﾆﾝｸﾞ鋼管      </t>
    <phoneticPr fontId="64"/>
  </si>
  <si>
    <t xml:space="preserve">ねじ接合        機械室・便所    </t>
    <phoneticPr fontId="64"/>
  </si>
  <si>
    <t xml:space="preserve">給水・塩ﾋﾞ      </t>
    <phoneticPr fontId="64"/>
  </si>
  <si>
    <t>給水設備</t>
    <phoneticPr fontId="64"/>
  </si>
  <si>
    <t>10</t>
    <phoneticPr fontId="64"/>
  </si>
  <si>
    <t xml:space="preserve">2   </t>
    <phoneticPr fontId="64"/>
  </si>
  <si>
    <t xml:space="preserve">150×300                        </t>
    <phoneticPr fontId="64"/>
  </si>
  <si>
    <t xml:space="preserve">化粧棚          </t>
    <phoneticPr fontId="64"/>
  </si>
  <si>
    <t xml:space="preserve">陶器付き                        </t>
    <phoneticPr fontId="64"/>
  </si>
  <si>
    <t xml:space="preserve">水石鹸入れ      </t>
    <phoneticPr fontId="64"/>
  </si>
  <si>
    <t xml:space="preserve">L710、給水栓、Sﾄﾗｯﾌﾟ            </t>
    <phoneticPr fontId="64"/>
  </si>
  <si>
    <t xml:space="preserve">洗面器          </t>
    <phoneticPr fontId="64"/>
  </si>
  <si>
    <t xml:space="preserve">普通便座、2連紙巻器             </t>
    <phoneticPr fontId="64"/>
  </si>
  <si>
    <t xml:space="preserve">C1200R　手洗付密結形LT          </t>
    <phoneticPr fontId="64"/>
  </si>
  <si>
    <t xml:space="preserve">洋風便器        </t>
    <phoneticPr fontId="64"/>
  </si>
  <si>
    <t>衛生器具設備</t>
    <phoneticPr fontId="64"/>
  </si>
  <si>
    <t>9</t>
    <phoneticPr fontId="64"/>
  </si>
  <si>
    <t xml:space="preserve">SUS製ﾁｬﾝﾊﾞｰ類   </t>
    <phoneticPr fontId="64"/>
  </si>
  <si>
    <t xml:space="preserve">ﾁｬﾝﾊﾞｰ類        </t>
    <phoneticPr fontId="64"/>
  </si>
  <si>
    <t xml:space="preserve">たわみ継手      </t>
    <phoneticPr fontId="64"/>
  </si>
  <si>
    <t xml:space="preserve">二位置式　室内用                </t>
    <phoneticPr fontId="64"/>
  </si>
  <si>
    <t xml:space="preserve">ｻｰﾓｽﾀｯﾄ         </t>
    <phoneticPr fontId="64"/>
  </si>
  <si>
    <t xml:space="preserve">8   </t>
    <phoneticPr fontId="64"/>
  </si>
  <si>
    <t xml:space="preserve">風量測定口      </t>
    <phoneticPr fontId="64"/>
  </si>
  <si>
    <t xml:space="preserve">ｽﾃﾝﾚｽ製・防虫網付　口径100φ    </t>
    <phoneticPr fontId="64"/>
  </si>
  <si>
    <t xml:space="preserve">深形ﾌｰﾄﾞ        </t>
    <phoneticPr fontId="64"/>
  </si>
  <si>
    <t xml:space="preserve"> 500  500                       </t>
    <phoneticPr fontId="64"/>
  </si>
  <si>
    <t xml:space="preserve">防火ﾀﾞﾝﾊﾟｰ      </t>
    <phoneticPr fontId="64"/>
  </si>
  <si>
    <t xml:space="preserve"> 200  200                       </t>
    <phoneticPr fontId="64"/>
  </si>
  <si>
    <t xml:space="preserve">ﾞﾝﾊﾟｰ           </t>
    <phoneticPr fontId="64"/>
  </si>
  <si>
    <t xml:space="preserve"> 300  300                       </t>
    <phoneticPr fontId="64"/>
  </si>
  <si>
    <t>ｽﾃﾝﾚｽ製風量調節ﾀ</t>
    <phoneticPr fontId="64"/>
  </si>
  <si>
    <t xml:space="preserve">風量調節ﾀﾞﾝﾊﾟｰ  </t>
    <phoneticPr fontId="64"/>
  </si>
  <si>
    <t>ダクト設備</t>
    <phoneticPr fontId="64"/>
  </si>
  <si>
    <t>換気設備</t>
    <phoneticPr fontId="64"/>
  </si>
  <si>
    <t>8</t>
    <phoneticPr fontId="64"/>
  </si>
  <si>
    <t xml:space="preserve">込口            </t>
    <phoneticPr fontId="64"/>
  </si>
  <si>
    <t xml:space="preserve">GVS  200  200                   </t>
    <phoneticPr fontId="64"/>
  </si>
  <si>
    <t xml:space="preserve">ｽﾃﾝﾚｽ製ｽﾘｯﾄ形吸 </t>
    <phoneticPr fontId="64"/>
  </si>
  <si>
    <t xml:space="preserve">4   </t>
    <phoneticPr fontId="64"/>
  </si>
  <si>
    <t xml:space="preserve">GVS  150  200                   </t>
    <phoneticPr fontId="64"/>
  </si>
  <si>
    <t xml:space="preserve">GVS  150  550                   </t>
    <phoneticPr fontId="64"/>
  </si>
  <si>
    <t xml:space="preserve">ｽﾘｯﾄ形吸込口    </t>
    <phoneticPr fontId="64"/>
  </si>
  <si>
    <t xml:space="preserve">GVS  300 1100                   </t>
    <phoneticPr fontId="64"/>
  </si>
  <si>
    <t xml:space="preserve">吹出口          </t>
    <phoneticPr fontId="64"/>
  </si>
  <si>
    <t xml:space="preserve">VHS  200  200                   </t>
    <phoneticPr fontId="64"/>
  </si>
  <si>
    <t>ｽﾃﾝﾚｽ製ﾕﾆﾊﾞｰｻﾙ形</t>
    <phoneticPr fontId="64"/>
  </si>
  <si>
    <t xml:space="preserve">VHS  200  150                   </t>
    <phoneticPr fontId="64"/>
  </si>
  <si>
    <t xml:space="preserve">VHS  550  150                   </t>
    <phoneticPr fontId="64"/>
  </si>
  <si>
    <t xml:space="preserve">ﾕﾆﾊﾞｰｻﾙ形吹出口 </t>
    <phoneticPr fontId="64"/>
  </si>
  <si>
    <t xml:space="preserve">VHS 1000  300                   </t>
    <phoneticPr fontId="64"/>
  </si>
  <si>
    <t xml:space="preserve">(低圧ﾀﾞｸﾄ)      </t>
    <phoneticPr fontId="64"/>
  </si>
  <si>
    <t xml:space="preserve">ｲﾝｻｰﾄ有 100㎜                   </t>
    <phoneticPr fontId="64"/>
  </si>
  <si>
    <t xml:space="preserve">ｽﾊﾟｲﾗﾙﾀﾞｸﾄ      </t>
    <phoneticPr fontId="64"/>
  </si>
  <si>
    <t>㎡</t>
    <phoneticPr fontId="64"/>
  </si>
  <si>
    <t xml:space="preserve">       低圧ﾀﾞｸﾄ)</t>
    <phoneticPr fontId="64"/>
  </si>
  <si>
    <t xml:space="preserve">11   </t>
    <phoneticPr fontId="64"/>
  </si>
  <si>
    <t xml:space="preserve">(ｱﾝｸﾞﾙ工法      </t>
    <phoneticPr fontId="64"/>
  </si>
  <si>
    <t xml:space="preserve">0.5mm(～750mm)      SUS･B       </t>
    <phoneticPr fontId="64"/>
  </si>
  <si>
    <t xml:space="preserve">ｽﾃﾝﾚｽ製ﾀﾞｸﾄ     </t>
    <phoneticPr fontId="64"/>
  </si>
  <si>
    <t xml:space="preserve">63   </t>
    <phoneticPr fontId="64"/>
  </si>
  <si>
    <t xml:space="preserve">0.5mm(～750mm)      SUS･A       </t>
    <phoneticPr fontId="64"/>
  </si>
  <si>
    <t xml:space="preserve">1.6㎜                           </t>
    <phoneticPr fontId="64"/>
  </si>
  <si>
    <t xml:space="preserve">鋼板製ﾀﾞｸﾄ      </t>
    <phoneticPr fontId="64"/>
  </si>
  <si>
    <t xml:space="preserve">ﾀﾞｸﾄ            </t>
    <phoneticPr fontId="64"/>
  </si>
  <si>
    <t xml:space="preserve">0.8mm(751～1500mm)              </t>
    <phoneticPr fontId="64"/>
  </si>
  <si>
    <t>ｽﾗｲﾄﾞｵﾝﾌﾗﾝｼﾞ工法</t>
    <phoneticPr fontId="64"/>
  </si>
  <si>
    <t xml:space="preserve">49   </t>
    <phoneticPr fontId="64"/>
  </si>
  <si>
    <t xml:space="preserve">0.6mm(451～750mm)               </t>
    <phoneticPr fontId="64"/>
  </si>
  <si>
    <t xml:space="preserve">22   </t>
    <phoneticPr fontId="64"/>
  </si>
  <si>
    <t xml:space="preserve">0.5mm(～450mm)                  </t>
    <phoneticPr fontId="64"/>
  </si>
  <si>
    <t>7</t>
    <phoneticPr fontId="64"/>
  </si>
  <si>
    <t xml:space="preserve">機器用基礎      </t>
    <phoneticPr fontId="64"/>
  </si>
  <si>
    <t xml:space="preserve">差込枠、予備ﾌｨﾙﾀｰ               </t>
    <phoneticPr fontId="64"/>
  </si>
  <si>
    <t xml:space="preserve">処理風量6,400m3/h               </t>
    <phoneticPr fontId="64"/>
  </si>
  <si>
    <t xml:space="preserve">ﾊﾟﾈﾙ形ｴｱﾌｨﾙﾀｰ　500□×25t×3枚  </t>
    <phoneticPr fontId="64"/>
  </si>
  <si>
    <t xml:space="preserve">ｴｱﾌｨﾙﾀｰAFU-1    </t>
    <phoneticPr fontId="64"/>
  </si>
  <si>
    <t>台</t>
    <phoneticPr fontId="64"/>
  </si>
  <si>
    <t xml:space="preserve">防振吊金具                      </t>
    <phoneticPr fontId="64"/>
  </si>
  <si>
    <t xml:space="preserve">100φ×130m3/h×50Pa            </t>
    <phoneticPr fontId="64"/>
  </si>
  <si>
    <t xml:space="preserve">FV-1            </t>
    <phoneticPr fontId="64"/>
  </si>
  <si>
    <t xml:space="preserve">低騒音形(ｻﾆﾀﾘｰ用)               </t>
    <phoneticPr fontId="64"/>
  </si>
  <si>
    <t>天井埋込形換気扇</t>
    <phoneticPr fontId="64"/>
  </si>
  <si>
    <t xml:space="preserve">電動ｼｬｯﾀｰ、鋼製ﾊﾞｯｸｶﾞｰﾄﾞ        </t>
    <phoneticPr fontId="64"/>
  </si>
  <si>
    <t xml:space="preserve">300φ×600m3h×50Pa             </t>
    <phoneticPr fontId="64"/>
  </si>
  <si>
    <t xml:space="preserve">鋼板製　排気形                  </t>
    <phoneticPr fontId="64"/>
  </si>
  <si>
    <t xml:space="preserve">有圧換気扇FE-4  </t>
    <phoneticPr fontId="64"/>
  </si>
  <si>
    <t xml:space="preserve">防振架台、ﾍﾞﾙﾄｶﾊﾞｰ              </t>
    <phoneticPr fontId="64"/>
  </si>
  <si>
    <t xml:space="preserve">No3×6,400m3/h×160Pa           </t>
    <phoneticPr fontId="64"/>
  </si>
  <si>
    <t xml:space="preserve">鋼板製　片吸込形                </t>
    <phoneticPr fontId="64"/>
  </si>
  <si>
    <t xml:space="preserve">遠心送風機FE-3  </t>
    <phoneticPr fontId="64"/>
  </si>
  <si>
    <t xml:space="preserve">No3×800m3/h×50Pa              </t>
    <phoneticPr fontId="64"/>
  </si>
  <si>
    <t xml:space="preserve">鋼板製　天吊形                  </t>
    <phoneticPr fontId="64"/>
  </si>
  <si>
    <t xml:space="preserve">斜流送風機FE-2  </t>
    <phoneticPr fontId="64"/>
  </si>
  <si>
    <t xml:space="preserve">No2×1,800m3/h×120Pa           </t>
    <phoneticPr fontId="64"/>
  </si>
  <si>
    <t xml:space="preserve">耐食製　片吸込形                </t>
    <phoneticPr fontId="64"/>
  </si>
  <si>
    <t xml:space="preserve">遠心送風機FE-1  </t>
    <phoneticPr fontId="64"/>
  </si>
  <si>
    <t xml:space="preserve">鋼板製　給気形                  </t>
    <phoneticPr fontId="64"/>
  </si>
  <si>
    <t xml:space="preserve">有圧換気扇FS-4  </t>
    <phoneticPr fontId="64"/>
  </si>
  <si>
    <t xml:space="preserve">No3×6,400m3/h×330Pa           </t>
    <phoneticPr fontId="64"/>
  </si>
  <si>
    <t xml:space="preserve">遠心送風機FS-3  </t>
    <phoneticPr fontId="64"/>
  </si>
  <si>
    <t xml:space="preserve">斜流送風機FS-2  </t>
    <phoneticPr fontId="64"/>
  </si>
  <si>
    <t xml:space="preserve">No2×1,800m3/h×150Pa           </t>
    <phoneticPr fontId="64"/>
  </si>
  <si>
    <t xml:space="preserve">遠心送風機FS-1  </t>
    <phoneticPr fontId="64"/>
  </si>
  <si>
    <t>機器設備</t>
    <phoneticPr fontId="64"/>
  </si>
  <si>
    <t>6</t>
    <phoneticPr fontId="64"/>
  </si>
  <si>
    <t>工事原価計</t>
    <rPh sb="0" eb="2">
      <t>コウジ</t>
    </rPh>
    <rPh sb="2" eb="4">
      <t>ゲンカ</t>
    </rPh>
    <rPh sb="4" eb="5">
      <t>ケイ</t>
    </rPh>
    <phoneticPr fontId="2"/>
  </si>
  <si>
    <t>（部分改定を行った内容も含む（最新改定令和3年7月1日））</t>
    <rPh sb="19" eb="20">
      <t>レイ</t>
    </rPh>
    <rPh sb="20" eb="21">
      <t>ワ</t>
    </rPh>
    <phoneticPr fontId="3"/>
  </si>
  <si>
    <t>単  価</t>
    <phoneticPr fontId="3"/>
  </si>
  <si>
    <t>金  額</t>
    <phoneticPr fontId="3"/>
  </si>
  <si>
    <t>摘  要</t>
    <phoneticPr fontId="3"/>
  </si>
  <si>
    <t>（（純工事費</t>
  </si>
  <si>
    <t>））</t>
    <phoneticPr fontId="2"/>
  </si>
  <si>
    <t>工事原価</t>
    <rPh sb="0" eb="2">
      <t>コウジ</t>
    </rPh>
    <rPh sb="2" eb="4">
      <t>ゲンカ</t>
    </rPh>
    <phoneticPr fontId="3"/>
  </si>
  <si>
    <t>プラント機械設備工事</t>
    <phoneticPr fontId="2"/>
  </si>
  <si>
    <t>建築機械設備工事</t>
    <phoneticPr fontId="2"/>
  </si>
  <si>
    <t>スクラップ控除</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6" formatCode="&quot;¥&quot;#,##0;[Red]&quot;¥&quot;\-#,##0"/>
    <numFmt numFmtId="8" formatCode="&quot;¥&quot;#,##0.00;[Red]&quot;¥&quot;\-#,##0.00"/>
    <numFmt numFmtId="42" formatCode="_ &quot;¥&quot;* #,##0_ ;_ &quot;¥&quot;* \-#,##0_ ;_ &quot;¥&quot;* &quot;-&quot;_ ;_ @_ "/>
    <numFmt numFmtId="41" formatCode="_ * #,##0_ ;_ * \-#,##0_ ;_ * &quot;-&quot;_ ;_ @_ "/>
    <numFmt numFmtId="43" formatCode="_ * #,##0.00_ ;_ * \-#,##0.00_ ;_ * &quot;-&quot;??_ ;_ @_ "/>
    <numFmt numFmtId="176" formatCode="[$-411]ggg\ \ e&quot;年&quot;\ \ m&quot;月&quot;\ \ d&quot;日&quot;"/>
    <numFmt numFmtId="177" formatCode="0.0_ "/>
    <numFmt numFmtId="178" formatCode="#,##0_ ;[Red]\-#,##0\ "/>
    <numFmt numFmtId="179" formatCode="#,##0.0;[Red]\-#,##0.0"/>
    <numFmt numFmtId="180" formatCode="_(&quot;$&quot;* #,##0_);_(&quot;$&quot;* \(#,##0\);_(&quot;$&quot;* &quot;-&quot;_);_(@_)"/>
    <numFmt numFmtId="181" formatCode="#,##0\ ;\-#,##0\ ;_ * &quot;- &quot;_ ;_ @_ "/>
    <numFmt numFmtId="182" formatCode="_(&quot;¥&quot;* #,##0_);_(&quot;¥&quot;* \(#,##0\);_(&quot;¥&quot;* &quot;-&quot;??_);_(@_)"/>
    <numFmt numFmtId="183" formatCode="###0"/>
    <numFmt numFmtId="184" formatCode="#,##0\-;&quot;▲&quot;#,##0\-"/>
    <numFmt numFmtId="185" formatCode="&quot;¥&quot;#,##0\-;&quot;¥&quot;&quot;▲&quot;#,##0\-"/>
    <numFmt numFmtId="186" formatCode="0.0"/>
    <numFmt numFmtId="187" formatCode="#,##0.000;[Red]\-#,##0.000"/>
    <numFmt numFmtId="188" formatCode="#,##0;&quot;¥&quot;\!\-#,##0;&quot;-&quot;"/>
    <numFmt numFmtId="189" formatCode="&quot;$&quot;#,##0_);[Red]\(&quot;$&quot;#,##0\)"/>
    <numFmt numFmtId="190" formatCode="&quot;$&quot;#,##0.00_);[Red]\(&quot;$&quot;#,##0.00\)"/>
    <numFmt numFmtId="191" formatCode="#,##0.00_ ;[Red]\-#,##0.00\ "/>
    <numFmt numFmtId="192" formatCode="#,##0;&quot;▲&quot;#,##0"/>
    <numFmt numFmtId="193" formatCode="#,##0.00;&quot;▲&quot;#,##0.00"/>
  </numFmts>
  <fonts count="65">
    <font>
      <sz val="11"/>
      <color theme="1"/>
      <name val="ＭＳ Ｐゴシック"/>
      <family val="2"/>
      <charset val="128"/>
      <scheme val="minor"/>
    </font>
    <font>
      <sz val="11"/>
      <name val="ＭＳ Ｐゴシック"/>
      <family val="3"/>
      <charset val="128"/>
    </font>
    <font>
      <sz val="6"/>
      <name val="ＭＳ Ｐゴシック"/>
      <family val="2"/>
      <charset val="128"/>
      <scheme val="minor"/>
    </font>
    <font>
      <sz val="6"/>
      <name val="ＭＳ Ｐゴシック"/>
      <family val="3"/>
      <charset val="128"/>
    </font>
    <font>
      <sz val="11"/>
      <name val="ＭＳ Ｐ明朝"/>
      <family val="1"/>
      <charset val="128"/>
    </font>
    <font>
      <sz val="10"/>
      <name val="ＭＳ Ｐゴシック"/>
      <family val="3"/>
      <charset val="128"/>
    </font>
    <font>
      <sz val="11"/>
      <name val="ＭＳ 明朝"/>
      <family val="1"/>
      <charset val="128"/>
    </font>
    <font>
      <sz val="10"/>
      <name val="ＭＳ 明朝"/>
      <family val="1"/>
      <charset val="128"/>
    </font>
    <font>
      <sz val="11"/>
      <name val="¾©"/>
      <family val="1"/>
    </font>
    <font>
      <sz val="12"/>
      <name val="ＭＳ 明朝"/>
      <family val="1"/>
      <charset val="128"/>
    </font>
    <font>
      <sz val="10"/>
      <color indexed="8"/>
      <name val="Arial"/>
      <family val="2"/>
    </font>
    <font>
      <sz val="9"/>
      <name val="Times New Roman"/>
      <family val="1"/>
    </font>
    <font>
      <sz val="8"/>
      <name val="Arial"/>
      <family val="2"/>
    </font>
    <font>
      <b/>
      <sz val="12"/>
      <name val="Arial"/>
      <family val="2"/>
    </font>
    <font>
      <sz val="10"/>
      <name val="Arial"/>
      <family val="2"/>
    </font>
    <font>
      <sz val="10"/>
      <name val="MS Sans Serif"/>
      <family val="2"/>
    </font>
    <font>
      <b/>
      <sz val="10"/>
      <name val="MS Sans Serif"/>
      <family val="2"/>
    </font>
    <font>
      <sz val="8"/>
      <color indexed="16"/>
      <name val="Century Schoolbook"/>
      <family val="1"/>
    </font>
    <font>
      <sz val="12"/>
      <name val="ＭＳ Ｐゴシック"/>
      <family val="3"/>
      <charset val="128"/>
    </font>
    <font>
      <b/>
      <i/>
      <sz val="10"/>
      <name val="Times New Roman"/>
      <family val="1"/>
    </font>
    <font>
      <b/>
      <sz val="11"/>
      <name val="Helv"/>
      <family val="2"/>
    </font>
    <font>
      <b/>
      <sz val="9"/>
      <name val="Times New Roman"/>
      <family val="1"/>
    </font>
    <font>
      <b/>
      <sz val="16"/>
      <color indexed="8"/>
      <name val="ＭＳ Ｐゴシック"/>
      <family val="3"/>
      <charset val="128"/>
    </font>
    <font>
      <sz val="11"/>
      <name val="ＪＳ明朝"/>
      <family val="1"/>
      <charset val="128"/>
    </font>
    <font>
      <sz val="10"/>
      <name val="明朝"/>
      <family val="1"/>
      <charset val="128"/>
    </font>
    <font>
      <sz val="14"/>
      <name val="ＭＳ 明朝"/>
      <family val="1"/>
      <charset val="128"/>
    </font>
    <font>
      <sz val="16"/>
      <color indexed="8"/>
      <name val="ＭＳ Ｐゴシック"/>
      <family val="3"/>
      <charset val="128"/>
    </font>
    <font>
      <sz val="9"/>
      <name val="明朝"/>
      <family val="1"/>
      <charset val="128"/>
    </font>
    <font>
      <sz val="12"/>
      <name val="明朝"/>
      <family val="1"/>
      <charset val="128"/>
    </font>
    <font>
      <sz val="8"/>
      <name val="明朝"/>
      <family val="1"/>
      <charset val="128"/>
    </font>
    <font>
      <sz val="10"/>
      <name val="メイリオ"/>
      <family val="3"/>
      <charset val="128"/>
    </font>
    <font>
      <sz val="10"/>
      <color indexed="10"/>
      <name val="メイリオ"/>
      <family val="3"/>
      <charset val="128"/>
    </font>
    <font>
      <sz val="11"/>
      <name val="メイリオ"/>
      <family val="3"/>
      <charset val="128"/>
    </font>
    <font>
      <sz val="16"/>
      <name val="メイリオ"/>
      <family val="3"/>
      <charset val="128"/>
    </font>
    <font>
      <sz val="20"/>
      <name val="メイリオ"/>
      <family val="3"/>
      <charset val="128"/>
    </font>
    <font>
      <sz val="12"/>
      <name val="メイリオ"/>
      <family val="3"/>
      <charset val="128"/>
    </font>
    <font>
      <sz val="14"/>
      <name val="メイリオ"/>
      <family val="3"/>
      <charset val="128"/>
    </font>
    <font>
      <sz val="11"/>
      <color indexed="30"/>
      <name val="メイリオ"/>
      <family val="3"/>
      <charset val="128"/>
    </font>
    <font>
      <sz val="11"/>
      <color theme="1"/>
      <name val="ＭＳ Ｐゴシック"/>
      <family val="2"/>
      <charset val="128"/>
      <scheme val="minor"/>
    </font>
    <font>
      <sz val="7.5"/>
      <name val="ＭＳ 明朝"/>
      <family val="1"/>
      <charset val="128"/>
    </font>
    <font>
      <sz val="9"/>
      <name val="ＦＡ Ｐ 明朝"/>
      <family val="1"/>
      <charset val="128"/>
    </font>
    <font>
      <sz val="11"/>
      <color indexed="8"/>
      <name val="ＭＳ Ｐゴシック"/>
      <family val="3"/>
      <charset val="128"/>
    </font>
    <font>
      <sz val="11"/>
      <color indexed="9"/>
      <name val="ＭＳ Ｐゴシック"/>
      <family val="3"/>
      <charset val="128"/>
    </font>
    <font>
      <sz val="9.5"/>
      <name val="ＭＳ ゴシック"/>
      <family val="3"/>
      <charset val="128"/>
    </font>
    <font>
      <b/>
      <sz val="18"/>
      <color indexed="56"/>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2"/>
      <name val="ＭＳ 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sz val="14"/>
      <name val="ＭＳ Ｐゴシック"/>
      <family val="3"/>
      <charset val="128"/>
    </font>
    <font>
      <b/>
      <sz val="11"/>
      <color indexed="8"/>
      <name val="ＭＳ Ｐゴシック"/>
      <family val="3"/>
      <charset val="128"/>
    </font>
    <font>
      <b/>
      <sz val="11"/>
      <color indexed="63"/>
      <name val="ＭＳ Ｐゴシック"/>
      <family val="3"/>
      <charset val="128"/>
    </font>
    <font>
      <sz val="12"/>
      <color indexed="12"/>
      <name val="ＭＳ Ｐゴシック"/>
      <family val="3"/>
      <charset val="128"/>
    </font>
    <font>
      <sz val="11"/>
      <name val="・団"/>
      <family val="1"/>
      <charset val="128"/>
    </font>
    <font>
      <sz val="11"/>
      <color indexed="8"/>
      <name val="ＭＳ 明朝"/>
      <family val="1"/>
      <charset val="128"/>
    </font>
    <font>
      <sz val="6"/>
      <name val="ＭＳ ゴシック"/>
      <family val="3"/>
      <charset val="128"/>
    </font>
    <font>
      <sz val="11"/>
      <color indexed="62"/>
      <name val="ＭＳ Ｐゴシック"/>
      <family val="3"/>
      <charset val="128"/>
    </font>
    <font>
      <sz val="11"/>
      <name val="明朝"/>
      <family val="1"/>
      <charset val="128"/>
    </font>
    <font>
      <sz val="11"/>
      <color indexed="17"/>
      <name val="ＭＳ Ｐゴシック"/>
      <family val="3"/>
      <charset val="128"/>
    </font>
    <font>
      <sz val="11"/>
      <color rgb="FFFF0000"/>
      <name val="ＭＳ Ｐ明朝"/>
      <family val="1"/>
      <charset val="128"/>
    </font>
    <font>
      <sz val="9"/>
      <name val="ＭＳ 明朝"/>
      <family val="1"/>
      <charset val="128"/>
    </font>
  </fonts>
  <fills count="26">
    <fill>
      <patternFill patternType="none"/>
    </fill>
    <fill>
      <patternFill patternType="gray125"/>
    </fill>
    <fill>
      <patternFill patternType="solid">
        <fgColor indexed="22"/>
        <bgColor indexed="64"/>
      </patternFill>
    </fill>
    <fill>
      <patternFill patternType="solid">
        <fgColor indexed="26"/>
        <bgColor indexed="64"/>
      </patternFill>
    </fill>
    <fill>
      <patternFill patternType="solid">
        <fgColor indexed="9"/>
      </patternFill>
    </fill>
    <fill>
      <patternFill patternType="solid">
        <fgColor indexed="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47"/>
      </patternFill>
    </fill>
    <fill>
      <patternFill patternType="solid">
        <fgColor indexed="44"/>
      </patternFill>
    </fill>
    <fill>
      <patternFill patternType="solid">
        <fgColor indexed="11"/>
      </patternFill>
    </fill>
    <fill>
      <patternFill patternType="solid">
        <fgColor indexed="51"/>
      </patternFill>
    </fill>
    <fill>
      <patternFill patternType="solid">
        <fgColor indexed="30"/>
      </patternFill>
    </fill>
    <fill>
      <patternFill patternType="solid">
        <fgColor indexed="29"/>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22"/>
      </patternFill>
    </fill>
  </fills>
  <borders count="95">
    <border>
      <left/>
      <right/>
      <top/>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8"/>
      </left>
      <right/>
      <top style="thin">
        <color indexed="8"/>
      </top>
      <bottom style="hair">
        <color indexed="8"/>
      </bottom>
      <diagonal/>
    </border>
    <border>
      <left/>
      <right/>
      <top style="thin">
        <color indexed="8"/>
      </top>
      <bottom style="hair">
        <color indexed="8"/>
      </bottom>
      <diagonal/>
    </border>
    <border>
      <left style="hair">
        <color indexed="8"/>
      </left>
      <right/>
      <top style="thin">
        <color indexed="8"/>
      </top>
      <bottom style="hair">
        <color indexed="8"/>
      </bottom>
      <diagonal/>
    </border>
    <border>
      <left/>
      <right style="hair">
        <color indexed="8"/>
      </right>
      <top style="thin">
        <color indexed="8"/>
      </top>
      <bottom style="hair">
        <color indexed="8"/>
      </bottom>
      <diagonal/>
    </border>
    <border>
      <left/>
      <right style="thin">
        <color indexed="8"/>
      </right>
      <top style="thin">
        <color indexed="8"/>
      </top>
      <bottom style="hair">
        <color indexed="8"/>
      </bottom>
      <diagonal/>
    </border>
    <border>
      <left style="thin">
        <color indexed="8"/>
      </left>
      <right/>
      <top style="hair">
        <color indexed="8"/>
      </top>
      <bottom/>
      <diagonal/>
    </border>
    <border>
      <left/>
      <right/>
      <top style="hair">
        <color indexed="8"/>
      </top>
      <bottom/>
      <diagonal/>
    </border>
    <border>
      <left style="hair">
        <color indexed="8"/>
      </left>
      <right/>
      <top style="hair">
        <color indexed="8"/>
      </top>
      <bottom/>
      <diagonal/>
    </border>
    <border>
      <left/>
      <right style="thin">
        <color indexed="8"/>
      </right>
      <top style="hair">
        <color indexed="8"/>
      </top>
      <bottom/>
      <diagonal/>
    </border>
    <border>
      <left style="thin">
        <color indexed="8"/>
      </left>
      <right/>
      <top/>
      <bottom style="hair">
        <color indexed="8"/>
      </bottom>
      <diagonal/>
    </border>
    <border>
      <left/>
      <right/>
      <top/>
      <bottom style="hair">
        <color indexed="8"/>
      </bottom>
      <diagonal/>
    </border>
    <border>
      <left style="hair">
        <color indexed="8"/>
      </left>
      <right/>
      <top/>
      <bottom style="hair">
        <color indexed="8"/>
      </bottom>
      <diagonal/>
    </border>
    <border>
      <left/>
      <right style="thin">
        <color indexed="8"/>
      </right>
      <top/>
      <bottom style="hair">
        <color indexed="8"/>
      </bottom>
      <diagonal/>
    </border>
    <border>
      <left/>
      <right style="hair">
        <color indexed="8"/>
      </right>
      <top style="hair">
        <color indexed="8"/>
      </top>
      <bottom/>
      <diagonal/>
    </border>
    <border>
      <left style="hair">
        <color indexed="8"/>
      </left>
      <right/>
      <top style="hair">
        <color indexed="8"/>
      </top>
      <bottom style="hair">
        <color indexed="8"/>
      </bottom>
      <diagonal/>
    </border>
    <border>
      <left/>
      <right/>
      <top style="hair">
        <color indexed="8"/>
      </top>
      <bottom style="hair">
        <color indexed="8"/>
      </bottom>
      <diagonal/>
    </border>
    <border>
      <left/>
      <right style="thin">
        <color indexed="8"/>
      </right>
      <top style="hair">
        <color indexed="8"/>
      </top>
      <bottom style="hair">
        <color indexed="8"/>
      </bottom>
      <diagonal/>
    </border>
    <border>
      <left/>
      <right style="hair">
        <color indexed="8"/>
      </right>
      <top/>
      <bottom style="hair">
        <color indexed="8"/>
      </bottom>
      <diagonal/>
    </border>
    <border>
      <left style="hair">
        <color indexed="8"/>
      </left>
      <right style="hair">
        <color indexed="8"/>
      </right>
      <top style="hair">
        <color indexed="8"/>
      </top>
      <bottom/>
      <diagonal/>
    </border>
    <border>
      <left style="hair">
        <color indexed="8"/>
      </left>
      <right style="thin">
        <color indexed="8"/>
      </right>
      <top style="hair">
        <color indexed="8"/>
      </top>
      <bottom/>
      <diagonal/>
    </border>
    <border>
      <left style="hair">
        <color indexed="8"/>
      </left>
      <right/>
      <top/>
      <bottom/>
      <diagonal/>
    </border>
    <border>
      <left style="hair">
        <color indexed="8"/>
      </left>
      <right style="hair">
        <color indexed="8"/>
      </right>
      <top/>
      <bottom/>
      <diagonal/>
    </border>
    <border>
      <left style="hair">
        <color indexed="8"/>
      </left>
      <right style="thin">
        <color indexed="8"/>
      </right>
      <top/>
      <bottom/>
      <diagonal/>
    </border>
    <border>
      <left style="hair">
        <color indexed="8"/>
      </left>
      <right style="hair">
        <color indexed="8"/>
      </right>
      <top/>
      <bottom style="hair">
        <color indexed="8"/>
      </bottom>
      <diagonal/>
    </border>
    <border>
      <left style="thin">
        <color indexed="8"/>
      </left>
      <right/>
      <top/>
      <bottom/>
      <diagonal/>
    </border>
    <border>
      <left/>
      <right style="hair">
        <color indexed="8"/>
      </right>
      <top style="hair">
        <color indexed="8"/>
      </top>
      <bottom style="hair">
        <color indexed="8"/>
      </bottom>
      <diagonal/>
    </border>
    <border>
      <left/>
      <right style="hair">
        <color indexed="8"/>
      </right>
      <top/>
      <bottom/>
      <diagonal/>
    </border>
    <border>
      <left/>
      <right style="thin">
        <color indexed="8"/>
      </right>
      <top/>
      <bottom/>
      <diagonal/>
    </border>
    <border>
      <left style="thin">
        <color indexed="8"/>
      </left>
      <right/>
      <top/>
      <bottom style="thin">
        <color indexed="64"/>
      </bottom>
      <diagonal/>
    </border>
    <border>
      <left/>
      <right/>
      <top/>
      <bottom style="thin">
        <color indexed="8"/>
      </bottom>
      <diagonal/>
    </border>
    <border>
      <left/>
      <right style="hair">
        <color indexed="8"/>
      </right>
      <top/>
      <bottom style="thin">
        <color indexed="8"/>
      </bottom>
      <diagonal/>
    </border>
    <border>
      <left style="hair">
        <color indexed="8"/>
      </left>
      <right/>
      <top/>
      <bottom style="thin">
        <color indexed="8"/>
      </bottom>
      <diagonal/>
    </border>
    <border>
      <left/>
      <right style="thin">
        <color indexed="8"/>
      </right>
      <top/>
      <bottom style="thin">
        <color indexed="8"/>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top/>
      <bottom/>
      <diagonal/>
    </border>
    <border>
      <left/>
      <right style="thin">
        <color indexed="64"/>
      </right>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style="hair">
        <color indexed="64"/>
      </right>
      <top/>
      <bottom style="hair">
        <color indexed="64"/>
      </bottom>
      <diagonal/>
    </border>
    <border>
      <left/>
      <right style="hair">
        <color indexed="64"/>
      </right>
      <top/>
      <bottom/>
      <diagonal/>
    </border>
    <border>
      <left style="hair">
        <color indexed="64"/>
      </left>
      <right style="hair">
        <color indexed="64"/>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hair">
        <color indexed="64"/>
      </top>
      <bottom style="hair">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style="medium">
        <color indexed="64"/>
      </top>
      <bottom style="medium">
        <color indexed="64"/>
      </bottom>
      <diagonal/>
    </border>
    <border>
      <left/>
      <right/>
      <top/>
      <bottom style="medium">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diagonal/>
    </border>
    <border>
      <left/>
      <right style="thin">
        <color indexed="64"/>
      </right>
      <top style="hair">
        <color indexed="64"/>
      </top>
      <bottom/>
      <diagonal/>
    </border>
    <border>
      <left/>
      <right style="hair">
        <color indexed="64"/>
      </right>
      <top/>
      <bottom style="thin">
        <color indexed="64"/>
      </bottom>
      <diagonal/>
    </border>
    <border>
      <left/>
      <right style="medium">
        <color indexed="64"/>
      </right>
      <top style="thin">
        <color indexed="64"/>
      </top>
      <bottom/>
      <diagonal/>
    </border>
    <border>
      <left/>
      <right style="medium">
        <color indexed="64"/>
      </right>
      <top/>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style="hair">
        <color indexed="64"/>
      </left>
      <right style="thin">
        <color indexed="64"/>
      </right>
      <top style="hair">
        <color indexed="64"/>
      </top>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diagonal/>
    </border>
  </borders>
  <cellStyleXfs count="150">
    <xf numFmtId="0" fontId="0" fillId="0" borderId="0">
      <alignment vertical="center"/>
    </xf>
    <xf numFmtId="0" fontId="1" fillId="0" borderId="0"/>
    <xf numFmtId="9" fontId="1" fillId="0" borderId="0" applyFont="0" applyFill="0" applyBorder="0" applyAlignment="0" applyProtection="0"/>
    <xf numFmtId="38" fontId="1" fillId="0" borderId="0" applyFont="0" applyFill="0" applyBorder="0" applyAlignment="0" applyProtection="0"/>
    <xf numFmtId="0" fontId="6" fillId="0" borderId="0"/>
    <xf numFmtId="0" fontId="1" fillId="0" borderId="0"/>
    <xf numFmtId="0" fontId="1" fillId="0" borderId="0">
      <alignment vertical="center"/>
    </xf>
    <xf numFmtId="40" fontId="8" fillId="0" borderId="0" applyFont="0" applyFill="0" applyBorder="0" applyAlignment="0" applyProtection="0"/>
    <xf numFmtId="8" fontId="8" fillId="0" borderId="0" applyFont="0" applyFill="0" applyBorder="0" applyAlignment="0" applyProtection="0"/>
    <xf numFmtId="0" fontId="9" fillId="0" borderId="65" applyNumberFormat="0" applyFont="0" applyFill="0" applyAlignment="0" applyProtection="0"/>
    <xf numFmtId="0" fontId="10" fillId="0" borderId="0" applyFill="0" applyBorder="0" applyAlignment="0"/>
    <xf numFmtId="0" fontId="11" fillId="0" borderId="0">
      <alignment horizontal="left"/>
    </xf>
    <xf numFmtId="38" fontId="12" fillId="2" borderId="0" applyNumberFormat="0" applyBorder="0" applyAlignment="0" applyProtection="0"/>
    <xf numFmtId="0" fontId="13" fillId="0" borderId="69" applyNumberFormat="0" applyAlignment="0" applyProtection="0">
      <alignment horizontal="left" vertical="center"/>
    </xf>
    <xf numFmtId="0" fontId="13" fillId="0" borderId="63">
      <alignment horizontal="left" vertical="center"/>
    </xf>
    <xf numFmtId="10" fontId="12" fillId="3" borderId="2" applyNumberFormat="0" applyBorder="0" applyAlignment="0" applyProtection="0"/>
    <xf numFmtId="180" fontId="1" fillId="0" borderId="0"/>
    <xf numFmtId="0" fontId="14" fillId="0" borderId="0"/>
    <xf numFmtId="10" fontId="14" fillId="0" borderId="0" applyFont="0" applyFill="0" applyBorder="0" applyAlignment="0" applyProtection="0"/>
    <xf numFmtId="4" fontId="11" fillId="0" borderId="0">
      <alignment horizontal="right"/>
    </xf>
    <xf numFmtId="0" fontId="15" fillId="0" borderId="0" applyNumberFormat="0" applyFont="0" applyFill="0" applyBorder="0" applyAlignment="0" applyProtection="0">
      <alignment horizontal="left"/>
    </xf>
    <xf numFmtId="0" fontId="16" fillId="0" borderId="70">
      <alignment horizontal="center"/>
    </xf>
    <xf numFmtId="4" fontId="17" fillId="0" borderId="0">
      <alignment horizontal="right"/>
    </xf>
    <xf numFmtId="0" fontId="18" fillId="0" borderId="0"/>
    <xf numFmtId="0" fontId="18" fillId="0" borderId="0"/>
    <xf numFmtId="0" fontId="19" fillId="0" borderId="0">
      <alignment horizontal="left"/>
    </xf>
    <xf numFmtId="0" fontId="15" fillId="0" borderId="0"/>
    <xf numFmtId="0" fontId="20" fillId="0" borderId="0"/>
    <xf numFmtId="0" fontId="21" fillId="0" borderId="0">
      <alignment horizontal="center"/>
    </xf>
    <xf numFmtId="0" fontId="6" fillId="0" borderId="55" applyNumberFormat="0" applyFill="0" applyBorder="0" applyAlignment="0" applyProtection="0">
      <alignment horizontal="distributed" vertical="center" justifyLastLine="1"/>
    </xf>
    <xf numFmtId="181" fontId="7" fillId="0" borderId="0" applyFill="0" applyBorder="0" applyAlignment="0" applyProtection="0">
      <alignment vertical="center"/>
    </xf>
    <xf numFmtId="0" fontId="22" fillId="4" borderId="0">
      <alignment horizontal="right" vertical="top"/>
    </xf>
    <xf numFmtId="182" fontId="5" fillId="5" borderId="59" applyFont="0" applyFill="0" applyBorder="0" applyAlignment="0" applyProtection="0">
      <protection locked="0"/>
    </xf>
    <xf numFmtId="179" fontId="4" fillId="0" borderId="67"/>
    <xf numFmtId="38" fontId="1" fillId="0" borderId="0" applyFont="0" applyFill="0" applyBorder="0" applyAlignment="0" applyProtection="0"/>
    <xf numFmtId="183" fontId="23" fillId="0" borderId="71" applyFill="0" applyBorder="0" applyProtection="0"/>
    <xf numFmtId="184" fontId="24" fillId="0" borderId="52">
      <protection locked="0"/>
    </xf>
    <xf numFmtId="184" fontId="24" fillId="0" borderId="52">
      <protection locked="0"/>
    </xf>
    <xf numFmtId="185" fontId="24" fillId="0" borderId="52">
      <protection locked="0"/>
    </xf>
    <xf numFmtId="0" fontId="25" fillId="0" borderId="72">
      <alignment horizontal="center"/>
    </xf>
    <xf numFmtId="42" fontId="7" fillId="0" borderId="0" applyFill="0" applyBorder="0" applyAlignment="0" applyProtection="0">
      <alignment horizontal="center" vertical="center"/>
    </xf>
    <xf numFmtId="186" fontId="26" fillId="4" borderId="73">
      <alignment horizontal="right"/>
    </xf>
    <xf numFmtId="2" fontId="27" fillId="0" borderId="66">
      <alignment horizontal="center"/>
    </xf>
    <xf numFmtId="0" fontId="28" fillId="0" borderId="1" applyFill="0" applyBorder="0" applyProtection="0">
      <alignment horizontal="left" vertical="center"/>
    </xf>
    <xf numFmtId="0" fontId="1" fillId="0" borderId="0"/>
    <xf numFmtId="0" fontId="29" fillId="0" borderId="0"/>
    <xf numFmtId="0" fontId="24" fillId="0" borderId="0"/>
    <xf numFmtId="0" fontId="6" fillId="0" borderId="0"/>
    <xf numFmtId="0" fontId="9" fillId="0" borderId="0" applyBorder="0">
      <alignment vertical="center"/>
    </xf>
    <xf numFmtId="0" fontId="25" fillId="0" borderId="0"/>
    <xf numFmtId="0" fontId="9" fillId="0" borderId="0"/>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8" fillId="0" borderId="0"/>
    <xf numFmtId="38" fontId="38" fillId="0" borderId="0" applyFont="0" applyFill="0" applyBorder="0" applyAlignment="0" applyProtection="0">
      <alignment vertical="center"/>
    </xf>
    <xf numFmtId="2" fontId="9" fillId="0" borderId="0" applyNumberFormat="0" applyFont="0" applyBorder="0" applyAlignment="0" applyProtection="0"/>
    <xf numFmtId="0" fontId="39" fillId="0" borderId="0" applyBorder="0" applyAlignment="0"/>
    <xf numFmtId="0" fontId="40" fillId="0" borderId="0" applyNumberFormat="0" applyFill="0" applyBorder="0" applyAlignment="0" applyProtection="0"/>
    <xf numFmtId="0" fontId="41" fillId="6" borderId="0" applyNumberFormat="0" applyBorder="0" applyAlignment="0" applyProtection="0">
      <alignment vertical="center"/>
    </xf>
    <xf numFmtId="0" fontId="41" fillId="7" borderId="0" applyNumberFormat="0" applyBorder="0" applyAlignment="0" applyProtection="0">
      <alignment vertical="center"/>
    </xf>
    <xf numFmtId="0" fontId="41" fillId="8" borderId="0" applyNumberFormat="0" applyBorder="0" applyAlignment="0" applyProtection="0">
      <alignment vertical="center"/>
    </xf>
    <xf numFmtId="0" fontId="41" fillId="9" borderId="0" applyNumberFormat="0" applyBorder="0" applyAlignment="0" applyProtection="0">
      <alignment vertical="center"/>
    </xf>
    <xf numFmtId="0" fontId="41" fillId="10" borderId="0" applyNumberFormat="0" applyBorder="0" applyAlignment="0" applyProtection="0">
      <alignment vertical="center"/>
    </xf>
    <xf numFmtId="0" fontId="41" fillId="11" borderId="0" applyNumberFormat="0" applyBorder="0" applyAlignment="0" applyProtection="0">
      <alignment vertical="center"/>
    </xf>
    <xf numFmtId="0" fontId="41" fillId="12" borderId="0" applyNumberFormat="0" applyBorder="0" applyAlignment="0" applyProtection="0">
      <alignment vertical="center"/>
    </xf>
    <xf numFmtId="0" fontId="41" fillId="9" borderId="0" applyNumberFormat="0" applyBorder="0" applyAlignment="0" applyProtection="0">
      <alignment vertical="center"/>
    </xf>
    <xf numFmtId="0" fontId="41" fillId="11" borderId="0" applyNumberFormat="0" applyBorder="0" applyAlignment="0" applyProtection="0">
      <alignment vertical="center"/>
    </xf>
    <xf numFmtId="0" fontId="41" fillId="13" borderId="0" applyNumberFormat="0" applyBorder="0" applyAlignment="0" applyProtection="0">
      <alignment vertical="center"/>
    </xf>
    <xf numFmtId="0" fontId="42" fillId="14" borderId="0" applyNumberFormat="0" applyBorder="0" applyAlignment="0" applyProtection="0">
      <alignment vertical="center"/>
    </xf>
    <xf numFmtId="0" fontId="42" fillId="15" borderId="0" applyNumberFormat="0" applyBorder="0" applyAlignment="0" applyProtection="0">
      <alignment vertical="center"/>
    </xf>
    <xf numFmtId="0" fontId="42" fillId="12" borderId="0" applyNumberFormat="0" applyBorder="0" applyAlignment="0" applyProtection="0">
      <alignment vertical="center"/>
    </xf>
    <xf numFmtId="0" fontId="42" fillId="16" borderId="0" applyNumberFormat="0" applyBorder="0" applyAlignment="0" applyProtection="0">
      <alignment vertical="center"/>
    </xf>
    <xf numFmtId="0" fontId="42" fillId="17" borderId="0" applyNumberFormat="0" applyBorder="0" applyAlignment="0" applyProtection="0">
      <alignment vertical="center"/>
    </xf>
    <xf numFmtId="0" fontId="42" fillId="18" borderId="0" applyNumberFormat="0" applyBorder="0" applyAlignment="0" applyProtection="0">
      <alignment vertical="center"/>
    </xf>
    <xf numFmtId="188" fontId="10" fillId="0" borderId="0" applyFill="0" applyBorder="0" applyAlignment="0"/>
    <xf numFmtId="38" fontId="15" fillId="0" borderId="0" applyFont="0" applyFill="0" applyBorder="0" applyAlignment="0" applyProtection="0"/>
    <xf numFmtId="40" fontId="15" fillId="0" borderId="0" applyFont="0" applyFill="0" applyBorder="0" applyAlignment="0" applyProtection="0"/>
    <xf numFmtId="189" fontId="15" fillId="0" borderId="0" applyFont="0" applyFill="0" applyBorder="0" applyAlignment="0" applyProtection="0"/>
    <xf numFmtId="190" fontId="15" fillId="0" borderId="0" applyFont="0" applyFill="0" applyBorder="0" applyAlignment="0" applyProtection="0"/>
    <xf numFmtId="0" fontId="43"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40" fillId="0" borderId="0" applyNumberFormat="0" applyFill="0" applyBorder="0" applyAlignment="0" applyProtection="0"/>
    <xf numFmtId="0" fontId="42" fillId="19" borderId="0" applyNumberFormat="0" applyBorder="0" applyAlignment="0" applyProtection="0">
      <alignment vertical="center"/>
    </xf>
    <xf numFmtId="0" fontId="42" fillId="20" borderId="0" applyNumberFormat="0" applyBorder="0" applyAlignment="0" applyProtection="0">
      <alignment vertical="center"/>
    </xf>
    <xf numFmtId="0" fontId="42" fillId="21" borderId="0" applyNumberFormat="0" applyBorder="0" applyAlignment="0" applyProtection="0">
      <alignment vertical="center"/>
    </xf>
    <xf numFmtId="0" fontId="42" fillId="16" borderId="0" applyNumberFormat="0" applyBorder="0" applyAlignment="0" applyProtection="0">
      <alignment vertical="center"/>
    </xf>
    <xf numFmtId="0" fontId="42" fillId="22" borderId="0" applyNumberFormat="0" applyBorder="0" applyAlignment="0" applyProtection="0">
      <alignment vertical="center"/>
    </xf>
    <xf numFmtId="0" fontId="44" fillId="0" borderId="0" applyNumberFormat="0" applyFill="0" applyBorder="0" applyAlignment="0" applyProtection="0">
      <alignment vertical="center"/>
    </xf>
    <xf numFmtId="0" fontId="45" fillId="23" borderId="0" applyNumberFormat="0" applyBorder="0" applyAlignment="0" applyProtection="0">
      <alignment vertical="center"/>
    </xf>
    <xf numFmtId="9" fontId="38" fillId="0" borderId="0" applyFont="0" applyFill="0" applyBorder="0" applyAlignment="0" applyProtection="0">
      <alignment vertical="center"/>
    </xf>
    <xf numFmtId="9" fontId="1" fillId="0" borderId="0" applyFont="0" applyFill="0" applyBorder="0" applyAlignment="0" applyProtection="0"/>
    <xf numFmtId="0" fontId="1" fillId="24" borderId="77" applyNumberFormat="0" applyFont="0" applyAlignment="0" applyProtection="0">
      <alignment vertical="center"/>
    </xf>
    <xf numFmtId="0" fontId="46" fillId="0" borderId="78" applyNumberFormat="0" applyFill="0" applyAlignment="0" applyProtection="0">
      <alignment vertical="center"/>
    </xf>
    <xf numFmtId="0" fontId="47" fillId="7" borderId="0" applyNumberFormat="0" applyBorder="0" applyAlignment="0" applyProtection="0">
      <alignment vertical="center"/>
    </xf>
    <xf numFmtId="0" fontId="48" fillId="25" borderId="79" applyNumberFormat="0" applyAlignment="0" applyProtection="0">
      <alignment vertical="center"/>
    </xf>
    <xf numFmtId="43" fontId="14" fillId="0" borderId="0" applyFont="0" applyFill="0" applyBorder="0" applyAlignment="0" applyProtection="0"/>
    <xf numFmtId="41" fontId="14" fillId="0" borderId="0" applyFont="0" applyFill="0" applyBorder="0" applyAlignment="0" applyProtection="0"/>
    <xf numFmtId="38" fontId="1" fillId="0" borderId="0" applyFont="0" applyFill="0" applyBorder="0" applyAlignment="0" applyProtection="0"/>
    <xf numFmtId="38" fontId="38" fillId="0" borderId="0" applyFont="0" applyFill="0" applyBorder="0" applyAlignment="0" applyProtection="0">
      <alignment vertical="center"/>
    </xf>
    <xf numFmtId="38" fontId="1" fillId="0" borderId="0" applyFont="0" applyFill="0" applyBorder="0" applyAlignment="0" applyProtection="0">
      <alignment vertical="center"/>
    </xf>
    <xf numFmtId="38" fontId="9" fillId="0" borderId="0" applyFont="0" applyFill="0" applyBorder="0" applyAlignment="0" applyProtection="0">
      <alignment vertical="center"/>
    </xf>
    <xf numFmtId="0" fontId="49" fillId="0" borderId="2"/>
    <xf numFmtId="0" fontId="50" fillId="0" borderId="80" applyNumberFormat="0" applyFill="0" applyAlignment="0" applyProtection="0">
      <alignment vertical="center"/>
    </xf>
    <xf numFmtId="0" fontId="51" fillId="0" borderId="81" applyNumberFormat="0" applyFill="0" applyAlignment="0" applyProtection="0">
      <alignment vertical="center"/>
    </xf>
    <xf numFmtId="0" fontId="52" fillId="0" borderId="82" applyNumberFormat="0" applyFill="0" applyAlignment="0" applyProtection="0">
      <alignment vertical="center"/>
    </xf>
    <xf numFmtId="0" fontId="52" fillId="0" borderId="0" applyNumberFormat="0" applyFill="0" applyBorder="0" applyAlignment="0" applyProtection="0">
      <alignment vertical="center"/>
    </xf>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1" fontId="6" fillId="0" borderId="74"/>
    <xf numFmtId="0" fontId="53" fillId="0" borderId="0">
      <alignment horizontal="center"/>
    </xf>
    <xf numFmtId="0" fontId="54" fillId="0" borderId="83" applyNumberFormat="0" applyFill="0" applyAlignment="0" applyProtection="0">
      <alignment vertical="center"/>
    </xf>
    <xf numFmtId="0" fontId="55" fillId="25" borderId="84" applyNumberFormat="0" applyAlignment="0" applyProtection="0">
      <alignment vertical="center"/>
    </xf>
    <xf numFmtId="0" fontId="56" fillId="0" borderId="0"/>
    <xf numFmtId="0" fontId="6" fillId="0" borderId="0" applyNumberFormat="0" applyFont="0" applyBorder="0" applyAlignment="0" applyProtection="0"/>
    <xf numFmtId="8" fontId="57" fillId="0" borderId="0" applyFont="0" applyFill="0" applyBorder="0" applyAlignment="0" applyProtection="0"/>
    <xf numFmtId="6" fontId="57" fillId="0" borderId="0" applyFont="0" applyFill="0" applyBorder="0" applyAlignment="0" applyProtection="0"/>
    <xf numFmtId="6" fontId="1" fillId="0" borderId="0" applyFont="0" applyFill="0" applyBorder="0" applyAlignment="0" applyProtection="0"/>
    <xf numFmtId="0" fontId="5" fillId="0" borderId="2">
      <alignment horizontal="left" vertical="center"/>
    </xf>
    <xf numFmtId="0" fontId="58" fillId="0" borderId="0"/>
    <xf numFmtId="0" fontId="59" fillId="0" borderId="62" applyBorder="0">
      <alignment horizontal="center" vertical="center"/>
    </xf>
    <xf numFmtId="0" fontId="60" fillId="10" borderId="79" applyNumberFormat="0" applyAlignment="0" applyProtection="0">
      <alignment vertical="center"/>
    </xf>
    <xf numFmtId="0" fontId="25" fillId="0" borderId="0"/>
    <xf numFmtId="0" fontId="1" fillId="0" borderId="0">
      <alignment vertical="center"/>
    </xf>
    <xf numFmtId="0" fontId="38" fillId="0" borderId="0">
      <alignment vertical="center"/>
    </xf>
    <xf numFmtId="0" fontId="1" fillId="0" borderId="0"/>
    <xf numFmtId="0" fontId="1" fillId="0" borderId="0"/>
    <xf numFmtId="0" fontId="61" fillId="0" borderId="0"/>
    <xf numFmtId="0" fontId="62" fillId="8" borderId="0" applyNumberFormat="0" applyBorder="0" applyAlignment="0" applyProtection="0">
      <alignment vertical="center"/>
    </xf>
    <xf numFmtId="0" fontId="64" fillId="0" borderId="0">
      <alignment vertical="center"/>
    </xf>
  </cellStyleXfs>
  <cellXfs count="455">
    <xf numFmtId="0" fontId="0" fillId="0" borderId="0" xfId="0">
      <alignment vertical="center"/>
    </xf>
    <xf numFmtId="0" fontId="4" fillId="0" borderId="0" xfId="1" applyNumberFormat="1" applyFont="1" applyFill="1" applyBorder="1" applyAlignment="1"/>
    <xf numFmtId="0" fontId="30" fillId="0" borderId="37" xfId="1" applyFont="1" applyFill="1" applyBorder="1" applyAlignment="1">
      <alignment horizontal="right" vertical="top"/>
    </xf>
    <xf numFmtId="38" fontId="30" fillId="0" borderId="37" xfId="1" applyNumberFormat="1" applyFont="1" applyFill="1" applyBorder="1" applyAlignment="1">
      <alignment horizontal="right" vertical="top"/>
    </xf>
    <xf numFmtId="0" fontId="30" fillId="0" borderId="37" xfId="0" applyFont="1" applyBorder="1" applyAlignment="1">
      <alignment horizontal="right" vertical="top"/>
    </xf>
    <xf numFmtId="38" fontId="30" fillId="0" borderId="37" xfId="0" applyNumberFormat="1" applyFont="1" applyBorder="1" applyAlignment="1">
      <alignment horizontal="right" vertical="top"/>
    </xf>
    <xf numFmtId="0" fontId="33" fillId="0" borderId="3" xfId="1" applyNumberFormat="1" applyFont="1" applyBorder="1" applyAlignment="1" applyProtection="1">
      <alignment vertical="center"/>
    </xf>
    <xf numFmtId="0" fontId="33" fillId="0" borderId="4" xfId="1" quotePrefix="1" applyNumberFormat="1" applyFont="1" applyBorder="1" applyAlignment="1" applyProtection="1">
      <alignment horizontal="center" vertical="center"/>
    </xf>
    <xf numFmtId="0" fontId="33" fillId="0" borderId="4" xfId="1" applyNumberFormat="1" applyFont="1" applyBorder="1" applyAlignment="1" applyProtection="1">
      <alignment vertical="center"/>
    </xf>
    <xf numFmtId="0" fontId="33" fillId="0" borderId="5" xfId="1" applyNumberFormat="1" applyFont="1" applyBorder="1" applyAlignment="1" applyProtection="1">
      <alignment horizontal="centerContinuous" vertical="center"/>
    </xf>
    <xf numFmtId="0" fontId="33" fillId="0" borderId="4" xfId="1" applyNumberFormat="1" applyFont="1" applyBorder="1" applyAlignment="1" applyProtection="1">
      <alignment horizontal="centerContinuous" vertical="center"/>
    </xf>
    <xf numFmtId="0" fontId="32" fillId="0" borderId="6" xfId="1" applyNumberFormat="1" applyFont="1" applyBorder="1" applyAlignment="1" applyProtection="1">
      <alignment horizontal="centerContinuous" vertical="center"/>
    </xf>
    <xf numFmtId="0" fontId="34" fillId="0" borderId="4" xfId="1" applyNumberFormat="1" applyFont="1" applyBorder="1" applyAlignment="1" applyProtection="1">
      <alignment horizontal="centerContinuous" vertical="center"/>
    </xf>
    <xf numFmtId="0" fontId="32" fillId="0" borderId="4" xfId="1" applyNumberFormat="1" applyFont="1" applyBorder="1" applyAlignment="1" applyProtection="1">
      <alignment horizontal="centerContinuous" vertical="center"/>
    </xf>
    <xf numFmtId="0" fontId="32" fillId="0" borderId="7" xfId="1" applyNumberFormat="1" applyFont="1" applyBorder="1" applyAlignment="1" applyProtection="1">
      <alignment horizontal="centerContinuous" vertical="center"/>
    </xf>
    <xf numFmtId="0" fontId="32" fillId="0" borderId="0" xfId="1" applyFont="1" applyAlignment="1">
      <alignment vertical="center"/>
    </xf>
    <xf numFmtId="0" fontId="32" fillId="0" borderId="8" xfId="1" applyNumberFormat="1" applyFont="1" applyBorder="1" applyAlignment="1" applyProtection="1">
      <alignment vertical="center"/>
    </xf>
    <xf numFmtId="0" fontId="32" fillId="0" borderId="9" xfId="1" applyNumberFormat="1" applyFont="1" applyBorder="1" applyAlignment="1" applyProtection="1">
      <alignment vertical="center"/>
    </xf>
    <xf numFmtId="0" fontId="32" fillId="0" borderId="10" xfId="1" applyNumberFormat="1" applyFont="1" applyBorder="1" applyAlignment="1" applyProtection="1">
      <alignment vertical="center"/>
    </xf>
    <xf numFmtId="0" fontId="32" fillId="0" borderId="11" xfId="1" applyNumberFormat="1" applyFont="1" applyBorder="1" applyAlignment="1" applyProtection="1">
      <alignment vertical="center"/>
    </xf>
    <xf numFmtId="0" fontId="35" fillId="0" borderId="12" xfId="1" applyNumberFormat="1" applyFont="1" applyBorder="1" applyAlignment="1" applyProtection="1">
      <alignment horizontal="centerContinuous" vertical="center"/>
    </xf>
    <xf numFmtId="0" fontId="32" fillId="0" borderId="13" xfId="1" applyNumberFormat="1" applyFont="1" applyBorder="1" applyAlignment="1" applyProtection="1">
      <alignment horizontal="centerContinuous" vertical="center"/>
    </xf>
    <xf numFmtId="0" fontId="32" fillId="0" borderId="14" xfId="1" applyNumberFormat="1" applyFont="1" applyBorder="1" applyAlignment="1" applyProtection="1">
      <alignment vertical="center"/>
    </xf>
    <xf numFmtId="0" fontId="35" fillId="0" borderId="13" xfId="1" applyNumberFormat="1" applyFont="1" applyBorder="1" applyAlignment="1" applyProtection="1">
      <alignment vertical="center"/>
    </xf>
    <xf numFmtId="0" fontId="32" fillId="0" borderId="13" xfId="1" applyNumberFormat="1" applyFont="1" applyBorder="1" applyAlignment="1" applyProtection="1">
      <alignment vertical="center"/>
    </xf>
    <xf numFmtId="0" fontId="32" fillId="0" borderId="15" xfId="1" applyNumberFormat="1" applyFont="1" applyBorder="1" applyAlignment="1" applyProtection="1">
      <alignment vertical="center"/>
    </xf>
    <xf numFmtId="0" fontId="32" fillId="0" borderId="16" xfId="1" applyNumberFormat="1" applyFont="1" applyBorder="1" applyAlignment="1" applyProtection="1">
      <alignment vertical="center"/>
    </xf>
    <xf numFmtId="0" fontId="35" fillId="0" borderId="13" xfId="1" quotePrefix="1" applyNumberFormat="1" applyFont="1" applyBorder="1" applyAlignment="1" applyProtection="1">
      <alignment vertical="center"/>
      <protection locked="0"/>
    </xf>
    <xf numFmtId="0" fontId="32" fillId="0" borderId="13" xfId="1" quotePrefix="1" applyNumberFormat="1" applyFont="1" applyBorder="1" applyAlignment="1" applyProtection="1">
      <alignment vertical="center"/>
      <protection locked="0"/>
    </xf>
    <xf numFmtId="0" fontId="32" fillId="0" borderId="20" xfId="1" applyNumberFormat="1" applyFont="1" applyBorder="1" applyAlignment="1" applyProtection="1">
      <alignment vertical="center"/>
    </xf>
    <xf numFmtId="0" fontId="32" fillId="0" borderId="10" xfId="1" applyNumberFormat="1" applyFont="1" applyBorder="1" applyAlignment="1" applyProtection="1">
      <alignment horizontal="center"/>
    </xf>
    <xf numFmtId="0" fontId="32" fillId="0" borderId="21" xfId="1" applyNumberFormat="1" applyFont="1" applyBorder="1" applyAlignment="1" applyProtection="1"/>
    <xf numFmtId="0" fontId="32" fillId="0" borderId="9" xfId="1" applyNumberFormat="1" applyFont="1" applyBorder="1" applyAlignment="1" applyProtection="1">
      <alignment horizontal="center" shrinkToFit="1"/>
    </xf>
    <xf numFmtId="0" fontId="32" fillId="0" borderId="21" xfId="1" applyNumberFormat="1" applyFont="1" applyBorder="1" applyAlignment="1" applyProtection="1">
      <alignment horizontal="center"/>
    </xf>
    <xf numFmtId="0" fontId="32" fillId="0" borderId="22" xfId="1" applyNumberFormat="1" applyFont="1" applyBorder="1" applyAlignment="1" applyProtection="1"/>
    <xf numFmtId="0" fontId="32" fillId="0" borderId="23" xfId="1" applyNumberFormat="1" applyFont="1" applyBorder="1" applyAlignment="1" applyProtection="1"/>
    <xf numFmtId="0" fontId="32" fillId="0" borderId="24" xfId="1" applyNumberFormat="1" applyFont="1" applyBorder="1" applyAlignment="1" applyProtection="1"/>
    <xf numFmtId="0" fontId="32" fillId="0" borderId="0" xfId="1" applyNumberFormat="1" applyFont="1" applyBorder="1" applyAlignment="1" applyProtection="1">
      <alignment horizontal="center" vertical="top" shrinkToFit="1"/>
    </xf>
    <xf numFmtId="0" fontId="32" fillId="0" borderId="0" xfId="1" applyNumberFormat="1" applyFont="1" applyBorder="1" applyAlignment="1" applyProtection="1">
      <alignment horizontal="center"/>
    </xf>
    <xf numFmtId="0" fontId="32" fillId="0" borderId="25" xfId="1" applyNumberFormat="1" applyFont="1" applyBorder="1" applyAlignment="1" applyProtection="1"/>
    <xf numFmtId="0" fontId="35" fillId="0" borderId="13" xfId="1" quotePrefix="1" applyNumberFormat="1" applyFont="1" applyBorder="1" applyAlignment="1" applyProtection="1">
      <alignment vertical="center"/>
    </xf>
    <xf numFmtId="0" fontId="32" fillId="0" borderId="13" xfId="1" quotePrefix="1" applyNumberFormat="1" applyFont="1" applyBorder="1" applyAlignment="1" applyProtection="1">
      <alignment vertical="center"/>
    </xf>
    <xf numFmtId="0" fontId="32" fillId="0" borderId="10" xfId="1" applyNumberFormat="1" applyFont="1" applyBorder="1" applyAlignment="1" applyProtection="1"/>
    <xf numFmtId="0" fontId="32" fillId="0" borderId="9" xfId="1" applyNumberFormat="1" applyFont="1" applyBorder="1" applyAlignment="1" applyProtection="1">
      <alignment horizontal="center"/>
    </xf>
    <xf numFmtId="0" fontId="32" fillId="0" borderId="9" xfId="1" applyNumberFormat="1" applyFont="1" applyBorder="1" applyAlignment="1" applyProtection="1"/>
    <xf numFmtId="0" fontId="32" fillId="0" borderId="11" xfId="1" applyNumberFormat="1" applyFont="1" applyBorder="1" applyAlignment="1" applyProtection="1"/>
    <xf numFmtId="0" fontId="32" fillId="0" borderId="26" xfId="1" applyNumberFormat="1" applyFont="1" applyBorder="1" applyAlignment="1" applyProtection="1"/>
    <xf numFmtId="0" fontId="32" fillId="0" borderId="14" xfId="1" applyNumberFormat="1" applyFont="1" applyBorder="1" applyAlignment="1" applyProtection="1"/>
    <xf numFmtId="0" fontId="32" fillId="0" borderId="13" xfId="1" applyNumberFormat="1" applyFont="1" applyBorder="1" applyAlignment="1" applyProtection="1">
      <alignment horizontal="center"/>
    </xf>
    <xf numFmtId="0" fontId="32" fillId="0" borderId="13" xfId="1" applyNumberFormat="1" applyFont="1" applyBorder="1" applyAlignment="1" applyProtection="1"/>
    <xf numFmtId="0" fontId="32" fillId="0" borderId="15" xfId="1" applyNumberFormat="1" applyFont="1" applyBorder="1" applyAlignment="1" applyProtection="1"/>
    <xf numFmtId="0" fontId="35" fillId="0" borderId="27" xfId="1" applyNumberFormat="1" applyFont="1" applyBorder="1" applyAlignment="1" applyProtection="1">
      <alignment horizontal="centerContinuous" vertical="center"/>
    </xf>
    <xf numFmtId="0" fontId="32" fillId="0" borderId="0" xfId="1" applyNumberFormat="1" applyFont="1" applyBorder="1" applyAlignment="1" applyProtection="1">
      <alignment horizontal="centerContinuous" vertical="center"/>
    </xf>
    <xf numFmtId="0" fontId="32" fillId="0" borderId="23" xfId="1" applyNumberFormat="1" applyFont="1" applyBorder="1" applyAlignment="1" applyProtection="1">
      <alignment vertical="center"/>
    </xf>
    <xf numFmtId="0" fontId="35" fillId="0" borderId="0" xfId="1" applyNumberFormat="1" applyFont="1" applyBorder="1" applyAlignment="1" applyProtection="1">
      <alignment vertical="center"/>
    </xf>
    <xf numFmtId="0" fontId="36" fillId="0" borderId="0" xfId="1" applyNumberFormat="1" applyFont="1" applyBorder="1" applyAlignment="1" applyProtection="1">
      <alignment vertical="center"/>
    </xf>
    <xf numFmtId="6" fontId="36" fillId="0" borderId="0" xfId="1" applyNumberFormat="1" applyFont="1" applyBorder="1" applyAlignment="1" applyProtection="1">
      <alignment vertical="center"/>
    </xf>
    <xf numFmtId="0" fontId="32" fillId="0" borderId="0" xfId="1" applyFont="1" applyAlignment="1">
      <alignment horizontal="right" vertical="center"/>
    </xf>
    <xf numFmtId="38" fontId="32" fillId="0" borderId="0" xfId="3" applyFont="1" applyAlignment="1">
      <alignment vertical="center"/>
    </xf>
    <xf numFmtId="0" fontId="32" fillId="0" borderId="21" xfId="1" applyNumberFormat="1" applyFont="1" applyBorder="1" applyAlignment="1" applyProtection="1">
      <alignment horizontal="center" vertical="center"/>
    </xf>
    <xf numFmtId="0" fontId="35" fillId="0" borderId="13" xfId="1" applyNumberFormat="1" applyFont="1" applyBorder="1" applyAlignment="1" applyProtection="1">
      <alignment vertical="center"/>
      <protection locked="0"/>
    </xf>
    <xf numFmtId="176" fontId="35" fillId="0" borderId="13" xfId="1" applyNumberFormat="1" applyFont="1" applyBorder="1" applyAlignment="1" applyProtection="1">
      <alignment vertical="center"/>
    </xf>
    <xf numFmtId="0" fontId="32" fillId="0" borderId="26" xfId="1" applyNumberFormat="1" applyFont="1" applyBorder="1" applyAlignment="1" applyProtection="1">
      <alignment vertical="center"/>
    </xf>
    <xf numFmtId="0" fontId="35" fillId="0" borderId="13" xfId="1" applyNumberFormat="1" applyFont="1" applyBorder="1" applyAlignment="1" applyProtection="1">
      <alignment horizontal="centerContinuous" vertical="center"/>
    </xf>
    <xf numFmtId="0" fontId="32" fillId="0" borderId="28" xfId="1" applyNumberFormat="1" applyFont="1" applyBorder="1" applyAlignment="1" applyProtection="1">
      <alignment horizontal="centerContinuous" vertical="center"/>
    </xf>
    <xf numFmtId="0" fontId="32" fillId="0" borderId="15" xfId="1" applyNumberFormat="1" applyFont="1" applyBorder="1" applyAlignment="1" applyProtection="1">
      <alignment horizontal="centerContinuous" vertical="center"/>
    </xf>
    <xf numFmtId="0" fontId="32" fillId="0" borderId="27" xfId="1" applyNumberFormat="1" applyFont="1" applyBorder="1" applyAlignment="1" applyProtection="1">
      <alignment vertical="center"/>
      <protection locked="0"/>
    </xf>
    <xf numFmtId="0" fontId="32" fillId="0" borderId="0" xfId="1" applyNumberFormat="1" applyFont="1" applyBorder="1" applyAlignment="1" applyProtection="1">
      <alignment vertical="center"/>
      <protection locked="0"/>
    </xf>
    <xf numFmtId="0" fontId="32" fillId="0" borderId="0" xfId="1" applyNumberFormat="1" applyFont="1" applyBorder="1" applyAlignment="1" applyProtection="1">
      <alignment vertical="center"/>
    </xf>
    <xf numFmtId="0" fontId="32" fillId="0" borderId="29" xfId="1" applyNumberFormat="1" applyFont="1" applyBorder="1" applyAlignment="1" applyProtection="1">
      <alignment vertical="center"/>
    </xf>
    <xf numFmtId="0" fontId="32" fillId="0" borderId="30" xfId="1" applyNumberFormat="1" applyFont="1" applyBorder="1" applyAlignment="1" applyProtection="1">
      <alignment vertical="center"/>
    </xf>
    <xf numFmtId="0" fontId="32" fillId="0" borderId="31" xfId="1" applyNumberFormat="1" applyFont="1" applyBorder="1" applyAlignment="1" applyProtection="1">
      <alignment vertical="center"/>
      <protection locked="0"/>
    </xf>
    <xf numFmtId="0" fontId="32" fillId="0" borderId="32" xfId="1" applyNumberFormat="1" applyFont="1" applyBorder="1" applyAlignment="1" applyProtection="1">
      <alignment vertical="center"/>
      <protection locked="0"/>
    </xf>
    <xf numFmtId="0" fontId="32" fillId="0" borderId="32" xfId="1" applyNumberFormat="1" applyFont="1" applyBorder="1" applyAlignment="1" applyProtection="1">
      <alignment vertical="center"/>
    </xf>
    <xf numFmtId="0" fontId="32" fillId="0" borderId="33" xfId="1" applyNumberFormat="1" applyFont="1" applyBorder="1" applyAlignment="1" applyProtection="1">
      <alignment vertical="center"/>
    </xf>
    <xf numFmtId="0" fontId="32" fillId="0" borderId="34" xfId="1" applyNumberFormat="1" applyFont="1" applyBorder="1" applyAlignment="1" applyProtection="1">
      <alignment vertical="center"/>
      <protection locked="0"/>
    </xf>
    <xf numFmtId="0" fontId="32" fillId="0" borderId="35" xfId="1" applyNumberFormat="1" applyFont="1" applyBorder="1" applyAlignment="1" applyProtection="1">
      <alignment vertical="center"/>
    </xf>
    <xf numFmtId="0" fontId="32" fillId="0" borderId="0" xfId="1" applyNumberFormat="1" applyFont="1" applyAlignment="1" applyProtection="1">
      <alignment vertical="center"/>
    </xf>
    <xf numFmtId="0" fontId="32" fillId="0" borderId="0" xfId="1" applyNumberFormat="1" applyFont="1" applyAlignment="1" applyProtection="1">
      <alignment horizontal="right" vertical="center"/>
    </xf>
    <xf numFmtId="0" fontId="36" fillId="0" borderId="0" xfId="1" applyFont="1" applyAlignment="1">
      <alignment vertical="top"/>
    </xf>
    <xf numFmtId="0" fontId="30" fillId="0" borderId="0" xfId="1" applyFont="1" applyAlignment="1">
      <alignment vertical="top"/>
    </xf>
    <xf numFmtId="0" fontId="30" fillId="0" borderId="0" xfId="1" applyFont="1" applyFill="1" applyAlignment="1">
      <alignment vertical="top"/>
    </xf>
    <xf numFmtId="0" fontId="32" fillId="0" borderId="0" xfId="1" applyFont="1" applyAlignment="1">
      <alignment vertical="top"/>
    </xf>
    <xf numFmtId="0" fontId="30" fillId="0" borderId="36" xfId="1" applyFont="1" applyBorder="1" applyAlignment="1">
      <alignment vertical="top"/>
    </xf>
    <xf numFmtId="0" fontId="30" fillId="0" borderId="37" xfId="1" applyFont="1" applyBorder="1" applyAlignment="1">
      <alignment vertical="top"/>
    </xf>
    <xf numFmtId="0" fontId="30" fillId="0" borderId="38" xfId="1" applyFont="1" applyBorder="1" applyAlignment="1">
      <alignment horizontal="right" vertical="top"/>
    </xf>
    <xf numFmtId="0" fontId="30" fillId="0" borderId="37" xfId="1" applyFont="1" applyFill="1" applyBorder="1" applyAlignment="1">
      <alignment vertical="top"/>
    </xf>
    <xf numFmtId="0" fontId="30" fillId="0" borderId="38" xfId="1" applyFont="1" applyBorder="1" applyAlignment="1">
      <alignment vertical="top"/>
    </xf>
    <xf numFmtId="0" fontId="32" fillId="0" borderId="39" xfId="1" applyFont="1" applyBorder="1" applyAlignment="1">
      <alignment vertical="top"/>
    </xf>
    <xf numFmtId="0" fontId="32" fillId="0" borderId="40" xfId="1" applyFont="1" applyBorder="1" applyAlignment="1">
      <alignment vertical="top"/>
    </xf>
    <xf numFmtId="0" fontId="30" fillId="0" borderId="41" xfId="1" applyFont="1" applyBorder="1" applyAlignment="1">
      <alignment horizontal="center" vertical="top"/>
    </xf>
    <xf numFmtId="0" fontId="30" fillId="0" borderId="42" xfId="1" applyFont="1" applyBorder="1" applyAlignment="1">
      <alignment horizontal="center" vertical="top"/>
    </xf>
    <xf numFmtId="0" fontId="30" fillId="0" borderId="42" xfId="1" applyFont="1" applyFill="1" applyBorder="1" applyAlignment="1">
      <alignment horizontal="center" vertical="top"/>
    </xf>
    <xf numFmtId="0" fontId="32" fillId="0" borderId="46" xfId="1" applyFont="1" applyBorder="1" applyAlignment="1">
      <alignment vertical="top"/>
    </xf>
    <xf numFmtId="0" fontId="32" fillId="0" borderId="47" xfId="1" applyFont="1" applyBorder="1" applyAlignment="1">
      <alignment vertical="top"/>
    </xf>
    <xf numFmtId="177" fontId="32" fillId="0" borderId="47" xfId="1" applyNumberFormat="1" applyFont="1" applyBorder="1" applyAlignment="1">
      <alignment vertical="top"/>
    </xf>
    <xf numFmtId="3" fontId="32" fillId="0" borderId="47" xfId="1" applyNumberFormat="1" applyFont="1" applyFill="1" applyBorder="1" applyAlignment="1">
      <alignment vertical="top"/>
    </xf>
    <xf numFmtId="0" fontId="32" fillId="0" borderId="48" xfId="1" applyFont="1" applyBorder="1" applyAlignment="1">
      <alignment vertical="top"/>
    </xf>
    <xf numFmtId="0" fontId="32" fillId="0" borderId="0" xfId="1" applyFont="1" applyBorder="1" applyAlignment="1">
      <alignment vertical="top"/>
    </xf>
    <xf numFmtId="0" fontId="32" fillId="0" borderId="49" xfId="1" applyFont="1" applyBorder="1" applyAlignment="1">
      <alignment vertical="top"/>
    </xf>
    <xf numFmtId="0" fontId="32" fillId="0" borderId="50" xfId="1" applyFont="1" applyBorder="1" applyAlignment="1">
      <alignment vertical="top"/>
    </xf>
    <xf numFmtId="0" fontId="32" fillId="0" borderId="51" xfId="1" applyFont="1" applyBorder="1" applyAlignment="1">
      <alignment vertical="top"/>
    </xf>
    <xf numFmtId="177" fontId="32" fillId="0" borderId="51" xfId="1" applyNumberFormat="1" applyFont="1" applyBorder="1" applyAlignment="1">
      <alignment vertical="top"/>
    </xf>
    <xf numFmtId="3" fontId="32" fillId="0" borderId="51" xfId="1" applyNumberFormat="1" applyFont="1" applyFill="1" applyBorder="1" applyAlignment="1">
      <alignment vertical="top"/>
    </xf>
    <xf numFmtId="0" fontId="32" fillId="0" borderId="52" xfId="1" applyFont="1" applyBorder="1" applyAlignment="1">
      <alignment vertical="top"/>
    </xf>
    <xf numFmtId="0" fontId="32" fillId="0" borderId="53" xfId="1" applyFont="1" applyBorder="1" applyAlignment="1">
      <alignment vertical="top"/>
    </xf>
    <xf numFmtId="0" fontId="32" fillId="0" borderId="54" xfId="1" applyFont="1" applyBorder="1" applyAlignment="1">
      <alignment vertical="top"/>
    </xf>
    <xf numFmtId="0" fontId="32" fillId="0" borderId="51" xfId="1" applyFont="1" applyBorder="1" applyAlignment="1">
      <alignment horizontal="center" vertical="top"/>
    </xf>
    <xf numFmtId="3" fontId="32" fillId="0" borderId="0" xfId="1" applyNumberFormat="1" applyFont="1" applyAlignment="1">
      <alignment vertical="top"/>
    </xf>
    <xf numFmtId="9" fontId="32" fillId="0" borderId="52" xfId="1" applyNumberFormat="1" applyFont="1" applyBorder="1" applyAlignment="1">
      <alignment vertical="top"/>
    </xf>
    <xf numFmtId="0" fontId="37" fillId="0" borderId="47" xfId="1" applyFont="1" applyBorder="1" applyAlignment="1">
      <alignment vertical="top"/>
    </xf>
    <xf numFmtId="177" fontId="37" fillId="0" borderId="47" xfId="1" applyNumberFormat="1" applyFont="1" applyBorder="1" applyAlignment="1">
      <alignment vertical="top"/>
    </xf>
    <xf numFmtId="3" fontId="37" fillId="0" borderId="47" xfId="1" applyNumberFormat="1" applyFont="1" applyFill="1" applyBorder="1" applyAlignment="1">
      <alignment vertical="top"/>
    </xf>
    <xf numFmtId="0" fontId="32" fillId="0" borderId="41" xfId="1" applyFont="1" applyBorder="1" applyAlignment="1">
      <alignment vertical="top"/>
    </xf>
    <xf numFmtId="0" fontId="32" fillId="0" borderId="42" xfId="1" applyFont="1" applyBorder="1" applyAlignment="1">
      <alignment vertical="top"/>
    </xf>
    <xf numFmtId="177" fontId="32" fillId="0" borderId="42" xfId="1" applyNumberFormat="1" applyFont="1" applyBorder="1" applyAlignment="1">
      <alignment vertical="top"/>
    </xf>
    <xf numFmtId="3" fontId="32" fillId="0" borderId="42" xfId="1" applyNumberFormat="1" applyFont="1" applyFill="1" applyBorder="1" applyAlignment="1">
      <alignment vertical="top"/>
    </xf>
    <xf numFmtId="0" fontId="32" fillId="0" borderId="43" xfId="1" applyFont="1" applyBorder="1" applyAlignment="1">
      <alignment vertical="top"/>
    </xf>
    <xf numFmtId="0" fontId="32" fillId="0" borderId="44" xfId="1" applyFont="1" applyBorder="1" applyAlignment="1">
      <alignment vertical="top"/>
    </xf>
    <xf numFmtId="0" fontId="32" fillId="0" borderId="45" xfId="1" applyFont="1" applyBorder="1" applyAlignment="1">
      <alignment vertical="top"/>
    </xf>
    <xf numFmtId="9" fontId="32" fillId="0" borderId="52" xfId="2" applyFont="1" applyBorder="1" applyAlignment="1">
      <alignment vertical="top"/>
    </xf>
    <xf numFmtId="3" fontId="32" fillId="0" borderId="54" xfId="1" applyNumberFormat="1" applyFont="1" applyBorder="1" applyAlignment="1">
      <alignment vertical="top"/>
    </xf>
    <xf numFmtId="10" fontId="32" fillId="0" borderId="52" xfId="1" applyNumberFormat="1" applyFont="1" applyBorder="1" applyAlignment="1">
      <alignment vertical="top"/>
    </xf>
    <xf numFmtId="178" fontId="32" fillId="0" borderId="51" xfId="1" applyNumberFormat="1" applyFont="1" applyFill="1" applyBorder="1" applyAlignment="1">
      <alignment vertical="top"/>
    </xf>
    <xf numFmtId="0" fontId="32" fillId="0" borderId="0" xfId="1" applyNumberFormat="1" applyFont="1" applyBorder="1" applyAlignment="1">
      <alignment vertical="top"/>
    </xf>
    <xf numFmtId="0" fontId="32" fillId="0" borderId="0" xfId="1" applyNumberFormat="1" applyFont="1" applyFill="1" applyBorder="1" applyAlignment="1">
      <alignment vertical="top"/>
    </xf>
    <xf numFmtId="0" fontId="32" fillId="0" borderId="0" xfId="1" applyFont="1" applyFill="1" applyAlignment="1">
      <alignment vertical="top"/>
    </xf>
    <xf numFmtId="0" fontId="30" fillId="0" borderId="0" xfId="4" applyFont="1" applyFill="1" applyAlignment="1">
      <alignment vertical="top"/>
    </xf>
    <xf numFmtId="0" fontId="30" fillId="0" borderId="0" xfId="4" applyFont="1" applyAlignment="1">
      <alignment vertical="top"/>
    </xf>
    <xf numFmtId="0" fontId="30" fillId="0" borderId="0" xfId="5" applyFont="1" applyFill="1" applyAlignment="1">
      <alignment vertical="top"/>
    </xf>
    <xf numFmtId="0" fontId="30" fillId="0" borderId="36" xfId="1" applyFont="1" applyFill="1" applyBorder="1" applyAlignment="1">
      <alignment vertical="top"/>
    </xf>
    <xf numFmtId="0" fontId="30" fillId="0" borderId="55" xfId="1" applyFont="1" applyFill="1" applyBorder="1" applyAlignment="1">
      <alignment horizontal="centerContinuous" vertical="top"/>
    </xf>
    <xf numFmtId="0" fontId="30" fillId="0" borderId="56" xfId="1" applyFont="1" applyFill="1" applyBorder="1" applyAlignment="1">
      <alignment horizontal="centerContinuous" vertical="top"/>
    </xf>
    <xf numFmtId="0" fontId="30" fillId="0" borderId="37" xfId="1" applyFont="1" applyFill="1" applyBorder="1" applyAlignment="1">
      <alignment horizontal="center" vertical="top"/>
    </xf>
    <xf numFmtId="0" fontId="30" fillId="0" borderId="40" xfId="1" applyFont="1" applyFill="1" applyBorder="1" applyAlignment="1">
      <alignment vertical="top"/>
    </xf>
    <xf numFmtId="0" fontId="30" fillId="0" borderId="41" xfId="1" applyFont="1" applyFill="1" applyBorder="1" applyAlignment="1">
      <alignment horizontal="center" vertical="top"/>
    </xf>
    <xf numFmtId="0" fontId="30" fillId="0" borderId="45" xfId="1" applyFont="1" applyFill="1" applyBorder="1" applyAlignment="1">
      <alignment horizontal="center" vertical="top"/>
    </xf>
    <xf numFmtId="178" fontId="30" fillId="0" borderId="37" xfId="1" applyNumberFormat="1" applyFont="1" applyFill="1" applyBorder="1" applyAlignment="1">
      <alignment vertical="top"/>
    </xf>
    <xf numFmtId="0" fontId="30" fillId="0" borderId="50" xfId="1" applyFont="1" applyFill="1" applyBorder="1" applyAlignment="1">
      <alignment vertical="top"/>
    </xf>
    <xf numFmtId="0" fontId="30" fillId="0" borderId="51" xfId="1" applyFont="1" applyFill="1" applyBorder="1" applyAlignment="1">
      <alignment vertical="top"/>
    </xf>
    <xf numFmtId="178" fontId="30" fillId="0" borderId="51" xfId="1" applyNumberFormat="1" applyFont="1" applyFill="1" applyBorder="1" applyAlignment="1">
      <alignment vertical="top"/>
    </xf>
    <xf numFmtId="0" fontId="30" fillId="0" borderId="51" xfId="1" applyFont="1" applyFill="1" applyBorder="1" applyAlignment="1">
      <alignment horizontal="center" vertical="top"/>
    </xf>
    <xf numFmtId="38" fontId="30" fillId="0" borderId="51" xfId="1" applyNumberFormat="1" applyFont="1" applyFill="1" applyBorder="1" applyAlignment="1">
      <alignment vertical="top"/>
    </xf>
    <xf numFmtId="0" fontId="30" fillId="0" borderId="54" xfId="1" applyFont="1" applyFill="1" applyBorder="1" applyAlignment="1">
      <alignment vertical="top"/>
    </xf>
    <xf numFmtId="0" fontId="30" fillId="0" borderId="46" xfId="1" applyFont="1" applyFill="1" applyBorder="1" applyAlignment="1">
      <alignment vertical="top"/>
    </xf>
    <xf numFmtId="0" fontId="30" fillId="0" borderId="47" xfId="1" applyFont="1" applyFill="1" applyBorder="1" applyAlignment="1">
      <alignment vertical="top"/>
    </xf>
    <xf numFmtId="178" fontId="30" fillId="0" borderId="47" xfId="1" applyNumberFormat="1" applyFont="1" applyFill="1" applyBorder="1" applyAlignment="1">
      <alignment vertical="top"/>
    </xf>
    <xf numFmtId="0" fontId="30" fillId="0" borderId="47" xfId="1" applyFont="1" applyFill="1" applyBorder="1" applyAlignment="1">
      <alignment horizontal="center" vertical="top"/>
    </xf>
    <xf numFmtId="38" fontId="30" fillId="0" borderId="47" xfId="1" applyNumberFormat="1" applyFont="1" applyFill="1" applyBorder="1" applyAlignment="1">
      <alignment vertical="top"/>
    </xf>
    <xf numFmtId="0" fontId="30" fillId="0" borderId="49" xfId="1" applyFont="1" applyFill="1" applyBorder="1" applyAlignment="1">
      <alignment vertical="top"/>
    </xf>
    <xf numFmtId="0" fontId="30" fillId="0" borderId="0" xfId="1" applyFont="1" applyFill="1" applyBorder="1" applyAlignment="1">
      <alignment vertical="top"/>
    </xf>
    <xf numFmtId="38" fontId="30" fillId="0" borderId="0" xfId="1" applyNumberFormat="1" applyFont="1" applyFill="1" applyAlignment="1">
      <alignment vertical="top"/>
    </xf>
    <xf numFmtId="0" fontId="30" fillId="0" borderId="41" xfId="1" applyFont="1" applyFill="1" applyBorder="1" applyAlignment="1">
      <alignment vertical="top"/>
    </xf>
    <xf numFmtId="0" fontId="30" fillId="0" borderId="42" xfId="1" applyFont="1" applyFill="1" applyBorder="1" applyAlignment="1">
      <alignment vertical="top"/>
    </xf>
    <xf numFmtId="178" fontId="30" fillId="0" borderId="42" xfId="1" applyNumberFormat="1" applyFont="1" applyFill="1" applyBorder="1" applyAlignment="1">
      <alignment vertical="top"/>
    </xf>
    <xf numFmtId="38" fontId="30" fillId="0" borderId="42" xfId="1" applyNumberFormat="1" applyFont="1" applyFill="1" applyBorder="1" applyAlignment="1">
      <alignment vertical="top"/>
    </xf>
    <xf numFmtId="0" fontId="30" fillId="0" borderId="45" xfId="1" applyFont="1" applyFill="1" applyBorder="1" applyAlignment="1">
      <alignment vertical="top"/>
    </xf>
    <xf numFmtId="0" fontId="30" fillId="0" borderId="0" xfId="0" applyFont="1" applyFill="1" applyAlignment="1">
      <alignment vertical="top"/>
    </xf>
    <xf numFmtId="0" fontId="30" fillId="0" borderId="36" xfId="0" applyFont="1" applyBorder="1" applyAlignment="1">
      <alignment vertical="top"/>
    </xf>
    <xf numFmtId="0" fontId="30" fillId="0" borderId="37" xfId="0" applyFont="1" applyBorder="1" applyAlignment="1">
      <alignment vertical="top"/>
    </xf>
    <xf numFmtId="0" fontId="30" fillId="0" borderId="37" xfId="0" applyNumberFormat="1" applyFont="1" applyBorder="1" applyAlignment="1">
      <alignment vertical="top"/>
    </xf>
    <xf numFmtId="0" fontId="30" fillId="0" borderId="37" xfId="0" applyFont="1" applyBorder="1" applyAlignment="1">
      <alignment horizontal="center" vertical="top"/>
    </xf>
    <xf numFmtId="0" fontId="30" fillId="0" borderId="40" xfId="0" applyFont="1" applyBorder="1" applyAlignment="1">
      <alignment vertical="top"/>
    </xf>
    <xf numFmtId="0" fontId="30" fillId="0" borderId="50" xfId="0" applyFont="1" applyBorder="1" applyAlignment="1">
      <alignment vertical="top"/>
    </xf>
    <xf numFmtId="0" fontId="30" fillId="0" borderId="51" xfId="0" applyFont="1" applyBorder="1" applyAlignment="1">
      <alignment vertical="top"/>
    </xf>
    <xf numFmtId="0" fontId="30" fillId="0" borderId="51" xfId="0" applyNumberFormat="1" applyFont="1" applyBorder="1" applyAlignment="1">
      <alignment vertical="top"/>
    </xf>
    <xf numFmtId="0" fontId="30" fillId="0" borderId="51" xfId="0" applyFont="1" applyBorder="1" applyAlignment="1">
      <alignment horizontal="center" vertical="top"/>
    </xf>
    <xf numFmtId="38" fontId="30" fillId="0" borderId="51" xfId="0" applyNumberFormat="1" applyFont="1" applyBorder="1" applyAlignment="1">
      <alignment vertical="top"/>
    </xf>
    <xf numFmtId="0" fontId="30" fillId="0" borderId="54" xfId="0" applyFont="1" applyBorder="1" applyAlignment="1">
      <alignment vertical="top"/>
    </xf>
    <xf numFmtId="0" fontId="30" fillId="0" borderId="46" xfId="0" applyFont="1" applyBorder="1" applyAlignment="1">
      <alignment vertical="top"/>
    </xf>
    <xf numFmtId="0" fontId="30" fillId="0" borderId="47" xfId="0" applyFont="1" applyBorder="1" applyAlignment="1">
      <alignment vertical="top"/>
    </xf>
    <xf numFmtId="0" fontId="30" fillId="0" borderId="47" xfId="0" applyNumberFormat="1" applyFont="1" applyBorder="1" applyAlignment="1">
      <alignment vertical="top"/>
    </xf>
    <xf numFmtId="0" fontId="30" fillId="0" borderId="47" xfId="0" applyFont="1" applyBorder="1" applyAlignment="1">
      <alignment horizontal="center" vertical="top"/>
    </xf>
    <xf numFmtId="38" fontId="30" fillId="0" borderId="47" xfId="0" applyNumberFormat="1" applyFont="1" applyBorder="1" applyAlignment="1">
      <alignment vertical="top"/>
    </xf>
    <xf numFmtId="0" fontId="30" fillId="0" borderId="49" xfId="0" applyFont="1" applyBorder="1" applyAlignment="1">
      <alignment vertical="top"/>
    </xf>
    <xf numFmtId="0" fontId="30" fillId="0" borderId="41" xfId="0" applyFont="1" applyBorder="1" applyAlignment="1">
      <alignment vertical="top"/>
    </xf>
    <xf numFmtId="0" fontId="30" fillId="0" borderId="42" xfId="0" applyFont="1" applyBorder="1" applyAlignment="1">
      <alignment vertical="top"/>
    </xf>
    <xf numFmtId="0" fontId="30" fillId="0" borderId="42" xfId="0" applyNumberFormat="1" applyFont="1" applyBorder="1" applyAlignment="1">
      <alignment vertical="top"/>
    </xf>
    <xf numFmtId="0" fontId="30" fillId="0" borderId="42" xfId="0" applyFont="1" applyBorder="1" applyAlignment="1">
      <alignment horizontal="center" vertical="top"/>
    </xf>
    <xf numFmtId="38" fontId="30" fillId="0" borderId="42" xfId="0" applyNumberFormat="1" applyFont="1" applyBorder="1" applyAlignment="1">
      <alignment vertical="top"/>
    </xf>
    <xf numFmtId="0" fontId="30" fillId="0" borderId="45" xfId="0" applyFont="1" applyBorder="1" applyAlignment="1">
      <alignment vertical="top"/>
    </xf>
    <xf numFmtId="38" fontId="30" fillId="0" borderId="47" xfId="3" applyFont="1" applyFill="1" applyBorder="1" applyAlignment="1">
      <alignment vertical="top"/>
    </xf>
    <xf numFmtId="178" fontId="31" fillId="0" borderId="47" xfId="1" applyNumberFormat="1" applyFont="1" applyFill="1" applyBorder="1" applyAlignment="1">
      <alignment vertical="top"/>
    </xf>
    <xf numFmtId="178" fontId="30" fillId="0" borderId="0" xfId="1" applyNumberFormat="1" applyFont="1" applyFill="1" applyBorder="1" applyAlignment="1">
      <alignment vertical="top"/>
    </xf>
    <xf numFmtId="0" fontId="30" fillId="0" borderId="0" xfId="1" applyFont="1" applyFill="1" applyBorder="1" applyAlignment="1">
      <alignment horizontal="center" vertical="top"/>
    </xf>
    <xf numFmtId="38" fontId="30" fillId="0" borderId="0" xfId="1" applyNumberFormat="1" applyFont="1" applyFill="1" applyBorder="1" applyAlignment="1">
      <alignment vertical="top"/>
    </xf>
    <xf numFmtId="0" fontId="30" fillId="0" borderId="57" xfId="1" applyFont="1" applyFill="1" applyBorder="1" applyAlignment="1">
      <alignment vertical="top"/>
    </xf>
    <xf numFmtId="38" fontId="30" fillId="0" borderId="57" xfId="1" applyNumberFormat="1" applyFont="1" applyFill="1" applyBorder="1" applyAlignment="1">
      <alignment vertical="top"/>
    </xf>
    <xf numFmtId="0" fontId="30" fillId="0" borderId="58" xfId="1" applyFont="1" applyFill="1" applyBorder="1" applyAlignment="1">
      <alignment vertical="top"/>
    </xf>
    <xf numFmtId="178" fontId="30" fillId="0" borderId="59" xfId="1" applyNumberFormat="1" applyFont="1" applyFill="1" applyBorder="1" applyAlignment="1">
      <alignment vertical="top"/>
    </xf>
    <xf numFmtId="0" fontId="30" fillId="0" borderId="60" xfId="1" applyFont="1" applyFill="1" applyBorder="1" applyAlignment="1">
      <alignment vertical="top"/>
    </xf>
    <xf numFmtId="0" fontId="30" fillId="0" borderId="61" xfId="1" applyFont="1" applyFill="1" applyBorder="1" applyAlignment="1">
      <alignment horizontal="center" vertical="top"/>
    </xf>
    <xf numFmtId="38" fontId="30" fillId="0" borderId="58" xfId="1" applyNumberFormat="1" applyFont="1" applyFill="1" applyBorder="1" applyAlignment="1">
      <alignment vertical="top"/>
    </xf>
    <xf numFmtId="0" fontId="30" fillId="0" borderId="52" xfId="1" applyFont="1" applyFill="1" applyBorder="1" applyAlignment="1">
      <alignment vertical="top"/>
    </xf>
    <xf numFmtId="0" fontId="30" fillId="0" borderId="57" xfId="1" applyFont="1" applyFill="1" applyBorder="1" applyAlignment="1">
      <alignment horizontal="center" vertical="top"/>
    </xf>
    <xf numFmtId="0" fontId="30" fillId="0" borderId="58" xfId="1" applyFont="1" applyFill="1" applyBorder="1" applyAlignment="1">
      <alignment horizontal="center" vertical="top"/>
    </xf>
    <xf numFmtId="0" fontId="30" fillId="0" borderId="61" xfId="1" applyFont="1" applyFill="1" applyBorder="1" applyAlignment="1">
      <alignment vertical="top"/>
    </xf>
    <xf numFmtId="38" fontId="30" fillId="0" borderId="0" xfId="3" applyFont="1" applyBorder="1" applyAlignment="1">
      <alignment vertical="top"/>
    </xf>
    <xf numFmtId="0" fontId="30" fillId="0" borderId="49" xfId="1" applyFont="1" applyFill="1" applyBorder="1" applyAlignment="1">
      <alignment vertical="top" shrinkToFit="1"/>
    </xf>
    <xf numFmtId="38" fontId="30" fillId="0" borderId="45" xfId="1" applyNumberFormat="1" applyFont="1" applyFill="1" applyBorder="1" applyAlignment="1">
      <alignment vertical="top"/>
    </xf>
    <xf numFmtId="38" fontId="30" fillId="0" borderId="0" xfId="0" applyNumberFormat="1" applyFont="1" applyFill="1" applyAlignment="1">
      <alignment vertical="top"/>
    </xf>
    <xf numFmtId="0" fontId="30" fillId="0" borderId="0" xfId="0" applyFont="1" applyFill="1" applyBorder="1" applyAlignment="1">
      <alignment vertical="top"/>
    </xf>
    <xf numFmtId="0" fontId="30" fillId="0" borderId="53" xfId="0" applyFont="1" applyFill="1" applyBorder="1" applyAlignment="1">
      <alignment vertical="top"/>
    </xf>
    <xf numFmtId="10" fontId="32" fillId="0" borderId="52" xfId="1" applyNumberFormat="1" applyFont="1" applyBorder="1" applyAlignment="1">
      <alignment vertical="top" shrinkToFit="1"/>
    </xf>
    <xf numFmtId="38" fontId="30" fillId="0" borderId="0" xfId="58" applyFont="1" applyFill="1" applyAlignment="1">
      <alignment vertical="top"/>
    </xf>
    <xf numFmtId="0" fontId="30" fillId="0" borderId="47" xfId="1" applyNumberFormat="1" applyFont="1" applyFill="1" applyBorder="1" applyAlignment="1">
      <alignment vertical="top"/>
    </xf>
    <xf numFmtId="0" fontId="30" fillId="0" borderId="51" xfId="1" applyNumberFormat="1" applyFont="1" applyFill="1" applyBorder="1" applyAlignment="1">
      <alignment vertical="top"/>
    </xf>
    <xf numFmtId="40" fontId="30" fillId="0" borderId="49" xfId="0" applyNumberFormat="1" applyFont="1" applyBorder="1" applyAlignment="1">
      <alignment vertical="top"/>
    </xf>
    <xf numFmtId="38" fontId="30" fillId="0" borderId="54" xfId="0" applyNumberFormat="1" applyFont="1" applyBorder="1" applyAlignment="1">
      <alignment vertical="top"/>
    </xf>
    <xf numFmtId="187" fontId="30" fillId="0" borderId="49" xfId="0" applyNumberFormat="1" applyFont="1" applyBorder="1" applyAlignment="1">
      <alignment vertical="top"/>
    </xf>
    <xf numFmtId="38" fontId="30" fillId="0" borderId="54" xfId="1" applyNumberFormat="1" applyFont="1" applyFill="1" applyBorder="1" applyAlignment="1">
      <alignment vertical="top"/>
    </xf>
    <xf numFmtId="0" fontId="31" fillId="0" borderId="47" xfId="1" applyNumberFormat="1" applyFont="1" applyFill="1" applyBorder="1" applyAlignment="1">
      <alignment vertical="top"/>
    </xf>
    <xf numFmtId="0" fontId="30" fillId="0" borderId="59" xfId="1" applyNumberFormat="1" applyFont="1" applyFill="1" applyBorder="1" applyAlignment="1">
      <alignment vertical="top"/>
    </xf>
    <xf numFmtId="0" fontId="30" fillId="0" borderId="51" xfId="0" applyFont="1" applyBorder="1" applyAlignment="1">
      <alignment horizontal="left" vertical="top"/>
    </xf>
    <xf numFmtId="0" fontId="30" fillId="0" borderId="51" xfId="0" applyNumberFormat="1" applyFont="1" applyBorder="1" applyAlignment="1">
      <alignment horizontal="center" vertical="top"/>
    </xf>
    <xf numFmtId="0" fontId="30" fillId="0" borderId="51" xfId="0" applyFont="1" applyBorder="1" applyAlignment="1">
      <alignment horizontal="left" vertical="top" indent="1"/>
    </xf>
    <xf numFmtId="40" fontId="30" fillId="0" borderId="51" xfId="0" applyNumberFormat="1" applyFont="1" applyBorder="1" applyAlignment="1">
      <alignment horizontal="left" vertical="top"/>
    </xf>
    <xf numFmtId="0" fontId="30" fillId="0" borderId="51" xfId="0" applyFont="1" applyBorder="1" applyAlignment="1">
      <alignment horizontal="right" vertical="top"/>
    </xf>
    <xf numFmtId="0" fontId="30" fillId="0" borderId="85" xfId="0" applyFont="1" applyBorder="1" applyAlignment="1">
      <alignment vertical="top"/>
    </xf>
    <xf numFmtId="0" fontId="30" fillId="0" borderId="59" xfId="0" applyFont="1" applyBorder="1" applyAlignment="1">
      <alignment vertical="top"/>
    </xf>
    <xf numFmtId="0" fontId="30" fillId="0" borderId="59" xfId="0" applyNumberFormat="1" applyFont="1" applyBorder="1" applyAlignment="1">
      <alignment vertical="top"/>
    </xf>
    <xf numFmtId="0" fontId="30" fillId="0" borderId="59" xfId="0" applyFont="1" applyBorder="1" applyAlignment="1">
      <alignment horizontal="center" vertical="top"/>
    </xf>
    <xf numFmtId="38" fontId="30" fillId="0" borderId="59" xfId="0" applyNumberFormat="1" applyFont="1" applyBorder="1" applyAlignment="1">
      <alignment vertical="top"/>
    </xf>
    <xf numFmtId="0" fontId="30" fillId="0" borderId="86" xfId="0" applyFont="1" applyBorder="1" applyAlignment="1">
      <alignment vertical="top"/>
    </xf>
    <xf numFmtId="0" fontId="4" fillId="0" borderId="76" xfId="1" applyFont="1" applyFill="1" applyBorder="1" applyAlignment="1">
      <alignment shrinkToFit="1"/>
    </xf>
    <xf numFmtId="0" fontId="4" fillId="0" borderId="64" xfId="1" applyFont="1" applyFill="1" applyBorder="1" applyAlignment="1">
      <alignment shrinkToFit="1"/>
    </xf>
    <xf numFmtId="0" fontId="4" fillId="0" borderId="0" xfId="1" applyFont="1" applyFill="1"/>
    <xf numFmtId="0" fontId="4" fillId="0" borderId="74" xfId="1" applyFont="1" applyFill="1" applyBorder="1"/>
    <xf numFmtId="0" fontId="4" fillId="0" borderId="38" xfId="1" applyFont="1" applyFill="1" applyBorder="1"/>
    <xf numFmtId="0" fontId="4" fillId="0" borderId="39" xfId="1" applyFont="1" applyFill="1" applyBorder="1"/>
    <xf numFmtId="0" fontId="4" fillId="0" borderId="40" xfId="1" applyFont="1" applyFill="1" applyBorder="1"/>
    <xf numFmtId="0" fontId="4" fillId="0" borderId="75" xfId="1" applyFont="1" applyFill="1" applyBorder="1" applyAlignment="1">
      <alignment horizontal="center"/>
    </xf>
    <xf numFmtId="0" fontId="4" fillId="0" borderId="0" xfId="1" applyFont="1" applyFill="1" applyBorder="1" applyAlignment="1">
      <alignment horizontal="center"/>
    </xf>
    <xf numFmtId="0" fontId="4" fillId="0" borderId="49" xfId="1" applyFont="1" applyFill="1" applyBorder="1" applyAlignment="1">
      <alignment horizontal="center"/>
    </xf>
    <xf numFmtId="0" fontId="4" fillId="0" borderId="75" xfId="1" applyFont="1" applyFill="1" applyBorder="1"/>
    <xf numFmtId="0" fontId="4" fillId="0" borderId="48" xfId="1" applyFont="1" applyFill="1" applyBorder="1"/>
    <xf numFmtId="0" fontId="4" fillId="0" borderId="0" xfId="1" applyFont="1" applyFill="1" applyBorder="1"/>
    <xf numFmtId="0" fontId="4" fillId="0" borderId="49" xfId="1" applyFont="1" applyFill="1" applyBorder="1"/>
    <xf numFmtId="0" fontId="4" fillId="0" borderId="66" xfId="1" applyFont="1" applyFill="1" applyBorder="1" applyAlignment="1">
      <alignment horizontal="center"/>
    </xf>
    <xf numFmtId="0" fontId="4" fillId="0" borderId="44" xfId="1" applyFont="1" applyFill="1" applyBorder="1" applyAlignment="1">
      <alignment horizontal="center"/>
    </xf>
    <xf numFmtId="0" fontId="4" fillId="0" borderId="45" xfId="1" applyFont="1" applyFill="1" applyBorder="1" applyAlignment="1">
      <alignment horizontal="center"/>
    </xf>
    <xf numFmtId="0" fontId="63" fillId="0" borderId="66" xfId="1" applyFont="1" applyFill="1" applyBorder="1"/>
    <xf numFmtId="0" fontId="4" fillId="0" borderId="43" xfId="1" applyFont="1" applyFill="1" applyBorder="1"/>
    <xf numFmtId="0" fontId="4" fillId="0" borderId="44" xfId="1" applyFont="1" applyFill="1" applyBorder="1"/>
    <xf numFmtId="0" fontId="4" fillId="0" borderId="45" xfId="1" applyFont="1" applyFill="1" applyBorder="1"/>
    <xf numFmtId="0" fontId="4" fillId="0" borderId="66" xfId="1" applyFont="1" applyFill="1" applyBorder="1"/>
    <xf numFmtId="0" fontId="63" fillId="0" borderId="44" xfId="1" applyFont="1" applyFill="1" applyBorder="1"/>
    <xf numFmtId="0" fontId="63" fillId="0" borderId="45" xfId="1" applyFont="1" applyFill="1" applyBorder="1"/>
    <xf numFmtId="0" fontId="4" fillId="0" borderId="48" xfId="1" applyFont="1" applyFill="1" applyBorder="1" applyAlignment="1">
      <alignment horizontal="left" vertical="center"/>
    </xf>
    <xf numFmtId="0" fontId="4" fillId="0" borderId="0" xfId="1" applyFont="1" applyFill="1" applyBorder="1" applyAlignment="1">
      <alignment horizontal="left" vertical="center"/>
    </xf>
    <xf numFmtId="0" fontId="4" fillId="0" borderId="0" xfId="1" applyFont="1" applyFill="1" applyBorder="1" applyAlignment="1">
      <alignment vertical="top" wrapText="1"/>
    </xf>
    <xf numFmtId="0" fontId="4" fillId="0" borderId="49" xfId="1" applyFont="1" applyFill="1" applyBorder="1" applyAlignment="1">
      <alignment vertical="top" wrapText="1"/>
    </xf>
    <xf numFmtId="0" fontId="4" fillId="0" borderId="48" xfId="1" applyFont="1" applyFill="1" applyBorder="1" applyAlignment="1"/>
    <xf numFmtId="0" fontId="4" fillId="0" borderId="74" xfId="1" applyFont="1" applyFill="1" applyBorder="1" applyAlignment="1">
      <alignment shrinkToFit="1"/>
    </xf>
    <xf numFmtId="0" fontId="4" fillId="0" borderId="38" xfId="1" applyFont="1" applyFill="1" applyBorder="1" applyAlignment="1"/>
    <xf numFmtId="0" fontId="4" fillId="0" borderId="39" xfId="1" applyFont="1" applyFill="1" applyBorder="1" applyAlignment="1"/>
    <xf numFmtId="0" fontId="4" fillId="0" borderId="39" xfId="1" applyFont="1" applyFill="1" applyBorder="1" applyAlignment="1">
      <alignment horizontal="right"/>
    </xf>
    <xf numFmtId="0" fontId="4" fillId="0" borderId="40" xfId="1" applyFont="1" applyFill="1" applyBorder="1" applyAlignment="1"/>
    <xf numFmtId="0" fontId="4" fillId="0" borderId="75" xfId="1" applyFont="1" applyFill="1" applyBorder="1" applyAlignment="1">
      <alignment shrinkToFit="1"/>
    </xf>
    <xf numFmtId="0" fontId="4" fillId="0" borderId="0" xfId="1" applyFont="1" applyFill="1" applyBorder="1" applyAlignment="1"/>
    <xf numFmtId="0" fontId="4" fillId="0" borderId="0" xfId="1" applyFont="1" applyFill="1" applyBorder="1" applyAlignment="1">
      <alignment horizontal="right"/>
    </xf>
    <xf numFmtId="0" fontId="4" fillId="0" borderId="49" xfId="1" applyFont="1" applyFill="1" applyBorder="1" applyAlignment="1"/>
    <xf numFmtId="0" fontId="4" fillId="0" borderId="0" xfId="1" applyFont="1" applyFill="1" applyBorder="1" applyAlignment="1">
      <alignment horizontal="left"/>
    </xf>
    <xf numFmtId="0" fontId="4" fillId="0" borderId="66" xfId="1" applyFont="1" applyFill="1" applyBorder="1" applyAlignment="1"/>
    <xf numFmtId="0" fontId="4" fillId="0" borderId="44" xfId="1" applyFont="1" applyFill="1" applyBorder="1" applyAlignment="1"/>
    <xf numFmtId="0" fontId="4" fillId="0" borderId="45" xfId="1" applyFont="1" applyFill="1" applyBorder="1" applyAlignment="1"/>
    <xf numFmtId="0" fontId="4" fillId="0" borderId="43" xfId="1" applyFont="1" applyFill="1" applyBorder="1" applyAlignment="1"/>
    <xf numFmtId="0" fontId="4" fillId="0" borderId="75" xfId="1" applyFont="1" applyFill="1" applyBorder="1" applyAlignment="1"/>
    <xf numFmtId="0" fontId="4" fillId="0" borderId="36" xfId="1" applyFont="1" applyFill="1" applyBorder="1"/>
    <xf numFmtId="0" fontId="4" fillId="0" borderId="46" xfId="1" applyFont="1" applyFill="1" applyBorder="1"/>
    <xf numFmtId="0" fontId="4" fillId="0" borderId="41" xfId="1" applyFont="1" applyFill="1" applyBorder="1"/>
    <xf numFmtId="0" fontId="4" fillId="0" borderId="0" xfId="1" applyFont="1" applyFill="1" applyBorder="1" applyAlignment="1">
      <alignment shrinkToFit="1"/>
    </xf>
    <xf numFmtId="0" fontId="4" fillId="0" borderId="87" xfId="1" applyFont="1" applyFill="1" applyBorder="1"/>
    <xf numFmtId="0" fontId="6" fillId="0" borderId="74" xfId="1" applyFont="1" applyFill="1" applyBorder="1" applyAlignment="1">
      <alignment horizontal="center" vertical="center"/>
    </xf>
    <xf numFmtId="0" fontId="6" fillId="0" borderId="38" xfId="1" applyFont="1" applyFill="1" applyBorder="1" applyAlignment="1">
      <alignment vertical="center"/>
    </xf>
    <xf numFmtId="0" fontId="6" fillId="0" borderId="39" xfId="1" applyFont="1" applyFill="1" applyBorder="1" applyAlignment="1">
      <alignment vertical="center"/>
    </xf>
    <xf numFmtId="0" fontId="6" fillId="0" borderId="88" xfId="1" applyFont="1" applyFill="1" applyBorder="1" applyAlignment="1">
      <alignment vertical="center"/>
    </xf>
    <xf numFmtId="0" fontId="1" fillId="0" borderId="75" xfId="1" applyFont="1" applyFill="1" applyBorder="1" applyAlignment="1">
      <alignment vertical="center"/>
    </xf>
    <xf numFmtId="0" fontId="6" fillId="0" borderId="48" xfId="1" applyFont="1" applyFill="1" applyBorder="1" applyAlignment="1">
      <alignment vertical="center" shrinkToFit="1"/>
    </xf>
    <xf numFmtId="0" fontId="6" fillId="0" borderId="0" xfId="1" applyFont="1" applyFill="1" applyBorder="1" applyAlignment="1">
      <alignment vertical="center" shrinkToFit="1"/>
    </xf>
    <xf numFmtId="0" fontId="6" fillId="0" borderId="49" xfId="1" applyFont="1" applyFill="1" applyBorder="1" applyAlignment="1">
      <alignment vertical="center" shrinkToFit="1"/>
    </xf>
    <xf numFmtId="0" fontId="6" fillId="0" borderId="75" xfId="1" applyFont="1" applyFill="1" applyBorder="1" applyAlignment="1">
      <alignment horizontal="center" vertical="center"/>
    </xf>
    <xf numFmtId="0" fontId="6" fillId="0" borderId="48" xfId="1" applyFont="1" applyFill="1" applyBorder="1" applyAlignment="1">
      <alignment vertical="top"/>
    </xf>
    <xf numFmtId="0" fontId="6" fillId="0" borderId="0" xfId="1" applyFont="1" applyFill="1" applyBorder="1" applyAlignment="1">
      <alignment vertical="top"/>
    </xf>
    <xf numFmtId="0" fontId="6" fillId="0" borderId="89" xfId="1" applyFont="1" applyFill="1" applyBorder="1" applyAlignment="1">
      <alignment vertical="center"/>
    </xf>
    <xf numFmtId="0" fontId="6" fillId="0" borderId="48" xfId="1" applyFont="1" applyFill="1" applyBorder="1" applyAlignment="1">
      <alignment vertical="center"/>
    </xf>
    <xf numFmtId="0" fontId="6" fillId="0" borderId="0" xfId="1" applyFont="1" applyFill="1" applyBorder="1" applyAlignment="1">
      <alignment vertical="center"/>
    </xf>
    <xf numFmtId="0" fontId="6" fillId="0" borderId="48" xfId="1" applyFont="1" applyFill="1" applyBorder="1" applyAlignment="1">
      <alignment horizontal="left" vertical="top"/>
    </xf>
    <xf numFmtId="0" fontId="6" fillId="0" borderId="0" xfId="1" applyFont="1" applyFill="1" applyBorder="1" applyAlignment="1">
      <alignment horizontal="left" vertical="top"/>
    </xf>
    <xf numFmtId="0" fontId="6" fillId="0" borderId="0" xfId="1" applyFont="1" applyFill="1" applyBorder="1" applyAlignment="1"/>
    <xf numFmtId="0" fontId="1" fillId="0" borderId="0" xfId="1" applyFont="1" applyFill="1" applyBorder="1" applyAlignment="1"/>
    <xf numFmtId="0" fontId="6" fillId="0" borderId="0" xfId="1" applyFont="1" applyFill="1" applyBorder="1" applyAlignment="1">
      <alignment shrinkToFit="1"/>
    </xf>
    <xf numFmtId="0" fontId="1" fillId="0" borderId="0" xfId="1" applyFont="1" applyFill="1" applyBorder="1" applyAlignment="1">
      <alignment shrinkToFit="1"/>
    </xf>
    <xf numFmtId="0" fontId="6" fillId="0" borderId="38" xfId="1" applyFont="1" applyFill="1" applyBorder="1" applyAlignment="1">
      <alignment horizontal="left" vertical="top"/>
    </xf>
    <xf numFmtId="0" fontId="6" fillId="0" borderId="39" xfId="1" applyFont="1" applyFill="1" applyBorder="1" applyAlignment="1">
      <alignment horizontal="left" vertical="top"/>
    </xf>
    <xf numFmtId="0" fontId="6" fillId="0" borderId="39" xfId="1" applyFont="1" applyFill="1" applyBorder="1" applyAlignment="1">
      <alignment shrinkToFit="1"/>
    </xf>
    <xf numFmtId="0" fontId="1" fillId="0" borderId="39" xfId="1" applyFont="1" applyFill="1" applyBorder="1" applyAlignment="1">
      <alignment shrinkToFit="1"/>
    </xf>
    <xf numFmtId="0" fontId="6" fillId="0" borderId="43" xfId="1" applyFont="1" applyFill="1" applyBorder="1" applyAlignment="1">
      <alignment horizontal="left" vertical="top"/>
    </xf>
    <xf numFmtId="0" fontId="6" fillId="0" borderId="44" xfId="1" applyFont="1" applyFill="1" applyBorder="1" applyAlignment="1">
      <alignment horizontal="left" vertical="top"/>
    </xf>
    <xf numFmtId="0" fontId="6" fillId="0" borderId="44" xfId="1" applyFont="1" applyFill="1" applyBorder="1" applyAlignment="1">
      <alignment shrinkToFit="1"/>
    </xf>
    <xf numFmtId="0" fontId="1" fillId="0" borderId="44" xfId="1" applyFont="1" applyFill="1" applyBorder="1" applyAlignment="1">
      <alignment shrinkToFit="1"/>
    </xf>
    <xf numFmtId="0" fontId="1" fillId="0" borderId="0" xfId="1" applyFont="1" applyFill="1" applyBorder="1" applyAlignment="1">
      <alignment vertical="top"/>
    </xf>
    <xf numFmtId="0" fontId="1" fillId="0" borderId="49" xfId="1" applyFont="1" applyFill="1" applyBorder="1" applyAlignment="1">
      <alignment vertical="top"/>
    </xf>
    <xf numFmtId="0" fontId="1" fillId="0" borderId="48" xfId="1" applyFont="1" applyFill="1" applyBorder="1" applyAlignment="1">
      <alignment vertical="top"/>
    </xf>
    <xf numFmtId="0" fontId="6" fillId="0" borderId="44" xfId="1" applyFont="1" applyFill="1" applyBorder="1" applyAlignment="1"/>
    <xf numFmtId="0" fontId="1" fillId="0" borderId="44" xfId="1" applyFont="1" applyFill="1" applyBorder="1" applyAlignment="1"/>
    <xf numFmtId="0" fontId="4" fillId="0" borderId="41" xfId="1" applyFont="1" applyFill="1" applyBorder="1" applyAlignment="1"/>
    <xf numFmtId="0" fontId="4" fillId="0" borderId="39" xfId="1" applyFont="1" applyFill="1" applyBorder="1" applyAlignment="1">
      <alignment vertical="top" wrapText="1"/>
    </xf>
    <xf numFmtId="0" fontId="4" fillId="0" borderId="40" xfId="1" applyFont="1" applyFill="1" applyBorder="1" applyAlignment="1">
      <alignment vertical="top" wrapText="1"/>
    </xf>
    <xf numFmtId="0" fontId="1" fillId="0" borderId="0" xfId="1" applyFont="1" applyFill="1" applyBorder="1" applyAlignment="1">
      <alignment horizontal="center"/>
    </xf>
    <xf numFmtId="0" fontId="1" fillId="0" borderId="49" xfId="1" applyFont="1" applyFill="1" applyBorder="1" applyAlignment="1">
      <alignment horizontal="center"/>
    </xf>
    <xf numFmtId="0" fontId="4" fillId="0" borderId="0" xfId="1" applyFont="1" applyFill="1" applyAlignment="1">
      <alignment vertical="top" wrapText="1"/>
    </xf>
    <xf numFmtId="0" fontId="4" fillId="0" borderId="0" xfId="1" applyFont="1" applyFill="1" applyAlignment="1">
      <alignment vertical="top"/>
    </xf>
    <xf numFmtId="186" fontId="30" fillId="0" borderId="51" xfId="0" applyNumberFormat="1" applyFont="1" applyBorder="1" applyAlignment="1">
      <alignment vertical="top"/>
    </xf>
    <xf numFmtId="2" fontId="30" fillId="0" borderId="51" xfId="0" applyNumberFormat="1" applyFont="1" applyBorder="1" applyAlignment="1">
      <alignment vertical="top"/>
    </xf>
    <xf numFmtId="38" fontId="30" fillId="0" borderId="54" xfId="58" applyFont="1" applyFill="1" applyBorder="1" applyAlignment="1">
      <alignment vertical="top"/>
    </xf>
    <xf numFmtId="2" fontId="30" fillId="0" borderId="47" xfId="0" applyNumberFormat="1" applyFont="1" applyBorder="1" applyAlignment="1">
      <alignment vertical="top"/>
    </xf>
    <xf numFmtId="38" fontId="30" fillId="0" borderId="54" xfId="58" applyFont="1" applyBorder="1" applyAlignment="1">
      <alignment vertical="top"/>
    </xf>
    <xf numFmtId="49" fontId="4" fillId="0" borderId="0" xfId="1" applyNumberFormat="1" applyFont="1" applyFill="1" applyBorder="1"/>
    <xf numFmtId="0" fontId="30" fillId="0" borderId="47" xfId="0" applyFont="1" applyBorder="1" applyAlignment="1">
      <alignment horizontal="left" vertical="top"/>
    </xf>
    <xf numFmtId="0" fontId="30" fillId="0" borderId="51" xfId="1" applyFont="1" applyFill="1" applyBorder="1" applyAlignment="1">
      <alignment horizontal="left" vertical="top"/>
    </xf>
    <xf numFmtId="0" fontId="30" fillId="0" borderId="59" xfId="0" applyFont="1" applyBorder="1" applyAlignment="1">
      <alignment horizontal="left" vertical="top"/>
    </xf>
    <xf numFmtId="0" fontId="30" fillId="0" borderId="47" xfId="0" applyFont="1" applyBorder="1" applyAlignment="1">
      <alignment horizontal="right" vertical="top"/>
    </xf>
    <xf numFmtId="38" fontId="30" fillId="0" borderId="47" xfId="0" applyNumberFormat="1" applyFont="1" applyBorder="1" applyAlignment="1">
      <alignment horizontal="right" vertical="top"/>
    </xf>
    <xf numFmtId="38" fontId="30" fillId="0" borderId="51" xfId="0" applyNumberFormat="1" applyFont="1" applyBorder="1" applyAlignment="1">
      <alignment horizontal="left" vertical="top"/>
    </xf>
    <xf numFmtId="2" fontId="30" fillId="0" borderId="51" xfId="1" applyNumberFormat="1" applyFont="1" applyFill="1" applyBorder="1" applyAlignment="1">
      <alignment vertical="top"/>
    </xf>
    <xf numFmtId="191" fontId="30" fillId="0" borderId="51" xfId="1" applyNumberFormat="1" applyFont="1" applyFill="1" applyBorder="1" applyAlignment="1">
      <alignment vertical="top"/>
    </xf>
    <xf numFmtId="179" fontId="30" fillId="0" borderId="51" xfId="1" applyNumberFormat="1" applyFont="1" applyFill="1" applyBorder="1" applyAlignment="1">
      <alignment vertical="top"/>
    </xf>
    <xf numFmtId="49" fontId="30" fillId="0" borderId="49" xfId="0" applyNumberFormat="1" applyFont="1" applyBorder="1" applyAlignment="1">
      <alignment vertical="top"/>
    </xf>
    <xf numFmtId="179" fontId="30" fillId="0" borderId="51" xfId="0" applyNumberFormat="1" applyFont="1" applyBorder="1" applyAlignment="1">
      <alignment vertical="top"/>
    </xf>
    <xf numFmtId="0" fontId="64" fillId="0" borderId="0" xfId="149" applyFont="1" applyFill="1" applyAlignment="1">
      <alignment vertical="center"/>
    </xf>
    <xf numFmtId="0" fontId="64" fillId="0" borderId="39" xfId="149" applyFont="1" applyFill="1" applyBorder="1" applyAlignment="1">
      <alignment vertical="center"/>
    </xf>
    <xf numFmtId="49" fontId="64" fillId="0" borderId="90" xfId="149" applyNumberFormat="1" applyFont="1" applyFill="1" applyBorder="1" applyAlignment="1">
      <alignment vertical="center" shrinkToFit="1"/>
    </xf>
    <xf numFmtId="192" fontId="64" fillId="0" borderId="51" xfId="149" applyNumberFormat="1" applyFont="1" applyFill="1" applyBorder="1" applyAlignment="1">
      <alignment horizontal="right" vertical="center" shrinkToFit="1"/>
    </xf>
    <xf numFmtId="49" fontId="64" fillId="0" borderId="51" xfId="149" applyNumberFormat="1" applyFont="1" applyFill="1" applyBorder="1" applyAlignment="1">
      <alignment horizontal="center" vertical="center" shrinkToFit="1"/>
    </xf>
    <xf numFmtId="49" fontId="64" fillId="0" borderId="50" xfId="149" applyNumberFormat="1" applyFont="1" applyFill="1" applyBorder="1" applyAlignment="1">
      <alignment vertical="center" shrinkToFit="1"/>
    </xf>
    <xf numFmtId="0" fontId="64" fillId="0" borderId="49" xfId="149" applyFont="1" applyFill="1" applyBorder="1" applyAlignment="1">
      <alignment vertical="center"/>
    </xf>
    <xf numFmtId="49" fontId="64" fillId="0" borderId="91" xfId="149" applyNumberFormat="1" applyFont="1" applyFill="1" applyBorder="1" applyAlignment="1">
      <alignment vertical="center" shrinkToFit="1"/>
    </xf>
    <xf numFmtId="192" fontId="64" fillId="0" borderId="47" xfId="149" applyNumberFormat="1" applyFont="1" applyFill="1" applyBorder="1" applyAlignment="1">
      <alignment horizontal="right" vertical="center" shrinkToFit="1"/>
    </xf>
    <xf numFmtId="49" fontId="64" fillId="0" borderId="47" xfId="149" applyNumberFormat="1" applyFont="1" applyFill="1" applyBorder="1" applyAlignment="1">
      <alignment horizontal="center" vertical="center" shrinkToFit="1"/>
    </xf>
    <xf numFmtId="49" fontId="64" fillId="0" borderId="46" xfId="149" applyNumberFormat="1" applyFont="1" applyFill="1" applyBorder="1" applyAlignment="1">
      <alignment vertical="center" shrinkToFit="1"/>
    </xf>
    <xf numFmtId="49" fontId="64" fillId="0" borderId="92" xfId="149" applyNumberFormat="1" applyFont="1" applyFill="1" applyBorder="1" applyAlignment="1">
      <alignment vertical="center" shrinkToFit="1"/>
    </xf>
    <xf numFmtId="192" fontId="64" fillId="0" borderId="59" xfId="149" applyNumberFormat="1" applyFont="1" applyFill="1" applyBorder="1" applyAlignment="1">
      <alignment horizontal="right" vertical="center" shrinkToFit="1"/>
    </xf>
    <xf numFmtId="49" fontId="64" fillId="0" borderId="59" xfId="149" applyNumberFormat="1" applyFont="1" applyFill="1" applyBorder="1" applyAlignment="1">
      <alignment horizontal="center" vertical="center" shrinkToFit="1"/>
    </xf>
    <xf numFmtId="49" fontId="64" fillId="0" borderId="85" xfId="149" applyNumberFormat="1" applyFont="1" applyFill="1" applyBorder="1" applyAlignment="1">
      <alignment horizontal="center" vertical="center" shrinkToFit="1"/>
    </xf>
    <xf numFmtId="49" fontId="6" fillId="0" borderId="44" xfId="149" applyNumberFormat="1" applyFont="1" applyFill="1" applyBorder="1" applyAlignment="1">
      <alignment horizontal="right" vertical="center"/>
    </xf>
    <xf numFmtId="49" fontId="25" fillId="0" borderId="44" xfId="149" applyNumberFormat="1" applyFont="1" applyFill="1" applyBorder="1" applyAlignment="1">
      <alignment vertical="center"/>
    </xf>
    <xf numFmtId="0" fontId="64" fillId="0" borderId="93" xfId="149" applyFont="1" applyFill="1" applyBorder="1" applyAlignment="1">
      <alignment vertical="center" shrinkToFit="1"/>
    </xf>
    <xf numFmtId="192" fontId="64" fillId="0" borderId="42" xfId="149" applyNumberFormat="1" applyFont="1" applyFill="1" applyBorder="1" applyAlignment="1">
      <alignment horizontal="right" vertical="center" shrinkToFit="1"/>
    </xf>
    <xf numFmtId="0" fontId="64" fillId="0" borderId="42" xfId="149" applyFont="1" applyFill="1" applyBorder="1" applyAlignment="1">
      <alignment horizontal="center" vertical="center" shrinkToFit="1"/>
    </xf>
    <xf numFmtId="0" fontId="64" fillId="0" borderId="41" xfId="149" applyFont="1" applyFill="1" applyBorder="1" applyAlignment="1">
      <alignment vertical="center" shrinkToFit="1"/>
    </xf>
    <xf numFmtId="0" fontId="64" fillId="0" borderId="91" xfId="149" applyFont="1" applyFill="1" applyBorder="1" applyAlignment="1">
      <alignment vertical="center" shrinkToFit="1"/>
    </xf>
    <xf numFmtId="0" fontId="64" fillId="0" borderId="47" xfId="149" applyFont="1" applyFill="1" applyBorder="1" applyAlignment="1">
      <alignment horizontal="center" vertical="center" shrinkToFit="1"/>
    </xf>
    <xf numFmtId="0" fontId="64" fillId="0" borderId="46" xfId="149" applyFont="1" applyFill="1" applyBorder="1" applyAlignment="1">
      <alignment vertical="center" shrinkToFit="1"/>
    </xf>
    <xf numFmtId="0" fontId="64" fillId="0" borderId="92" xfId="149" applyFont="1" applyFill="1" applyBorder="1" applyAlignment="1">
      <alignment vertical="center" shrinkToFit="1"/>
    </xf>
    <xf numFmtId="0" fontId="64" fillId="0" borderId="59" xfId="149" applyFont="1" applyFill="1" applyBorder="1" applyAlignment="1">
      <alignment horizontal="center" vertical="center" shrinkToFit="1"/>
    </xf>
    <xf numFmtId="0" fontId="64" fillId="0" borderId="85" xfId="149" applyFont="1" applyFill="1" applyBorder="1" applyAlignment="1">
      <alignment vertical="center" shrinkToFit="1"/>
    </xf>
    <xf numFmtId="0" fontId="64" fillId="0" borderId="90" xfId="149" applyFont="1" applyFill="1" applyBorder="1" applyAlignment="1">
      <alignment vertical="center" shrinkToFit="1"/>
    </xf>
    <xf numFmtId="0" fontId="64" fillId="0" borderId="51" xfId="149" applyFont="1" applyFill="1" applyBorder="1" applyAlignment="1">
      <alignment horizontal="center" vertical="center" shrinkToFit="1"/>
    </xf>
    <xf numFmtId="0" fontId="64" fillId="0" borderId="50" xfId="149" applyFont="1" applyFill="1" applyBorder="1" applyAlignment="1">
      <alignment vertical="center" shrinkToFit="1"/>
    </xf>
    <xf numFmtId="0" fontId="64" fillId="0" borderId="42" xfId="149" applyFont="1" applyFill="1" applyBorder="1" applyAlignment="1">
      <alignment vertical="center" shrinkToFit="1"/>
    </xf>
    <xf numFmtId="0" fontId="64" fillId="0" borderId="47" xfId="149" applyFont="1" applyFill="1" applyBorder="1" applyAlignment="1">
      <alignment vertical="center" shrinkToFit="1"/>
    </xf>
    <xf numFmtId="0" fontId="64" fillId="0" borderId="59" xfId="149" applyFont="1" applyFill="1" applyBorder="1" applyAlignment="1">
      <alignment vertical="center" shrinkToFit="1"/>
    </xf>
    <xf numFmtId="0" fontId="64" fillId="0" borderId="51" xfId="149" applyFont="1" applyFill="1" applyBorder="1" applyAlignment="1">
      <alignment vertical="center" shrinkToFit="1"/>
    </xf>
    <xf numFmtId="49" fontId="64" fillId="0" borderId="51" xfId="149" applyNumberFormat="1" applyFont="1" applyFill="1" applyBorder="1" applyAlignment="1">
      <alignment vertical="center" shrinkToFit="1"/>
    </xf>
    <xf numFmtId="49" fontId="64" fillId="0" borderId="47" xfId="149" applyNumberFormat="1" applyFont="1" applyFill="1" applyBorder="1" applyAlignment="1">
      <alignment vertical="center" shrinkToFit="1"/>
    </xf>
    <xf numFmtId="49" fontId="64" fillId="0" borderId="59" xfId="149" applyNumberFormat="1" applyFont="1" applyFill="1" applyBorder="1" applyAlignment="1">
      <alignment vertical="center" shrinkToFit="1"/>
    </xf>
    <xf numFmtId="0" fontId="64" fillId="0" borderId="93" xfId="149" applyNumberFormat="1" applyFont="1" applyFill="1" applyBorder="1" applyAlignment="1">
      <alignment vertical="center" shrinkToFit="1"/>
    </xf>
    <xf numFmtId="193" fontId="64" fillId="0" borderId="42" xfId="149" applyNumberFormat="1" applyFont="1" applyFill="1" applyBorder="1" applyAlignment="1">
      <alignment horizontal="right" vertical="center" shrinkToFit="1"/>
    </xf>
    <xf numFmtId="0" fontId="64" fillId="0" borderId="42" xfId="149" applyNumberFormat="1" applyFont="1" applyFill="1" applyBorder="1" applyAlignment="1">
      <alignment horizontal="center" vertical="center" shrinkToFit="1"/>
    </xf>
    <xf numFmtId="0" fontId="64" fillId="0" borderId="42" xfId="149" applyNumberFormat="1" applyFont="1" applyFill="1" applyBorder="1" applyAlignment="1">
      <alignment vertical="center" shrinkToFit="1"/>
    </xf>
    <xf numFmtId="0" fontId="64" fillId="0" borderId="41" xfId="149" applyNumberFormat="1" applyFont="1" applyFill="1" applyBorder="1" applyAlignment="1">
      <alignment vertical="center" shrinkToFit="1"/>
    </xf>
    <xf numFmtId="0" fontId="64" fillId="0" borderId="91" xfId="149" applyNumberFormat="1" applyFont="1" applyFill="1" applyBorder="1" applyAlignment="1">
      <alignment vertical="center" shrinkToFit="1"/>
    </xf>
    <xf numFmtId="193" fontId="64" fillId="0" borderId="47" xfId="149" applyNumberFormat="1" applyFont="1" applyFill="1" applyBorder="1" applyAlignment="1">
      <alignment horizontal="right" vertical="center" shrinkToFit="1"/>
    </xf>
    <xf numFmtId="0" fontId="64" fillId="0" borderId="47" xfId="149" applyNumberFormat="1" applyFont="1" applyFill="1" applyBorder="1" applyAlignment="1">
      <alignment horizontal="center" vertical="center" shrinkToFit="1"/>
    </xf>
    <xf numFmtId="0" fontId="64" fillId="0" borderId="47" xfId="149" applyNumberFormat="1" applyFont="1" applyFill="1" applyBorder="1" applyAlignment="1">
      <alignment vertical="center" shrinkToFit="1"/>
    </xf>
    <xf numFmtId="0" fontId="64" fillId="0" borderId="46" xfId="149" applyNumberFormat="1" applyFont="1" applyFill="1" applyBorder="1" applyAlignment="1">
      <alignment vertical="center" shrinkToFit="1"/>
    </xf>
    <xf numFmtId="0" fontId="64" fillId="0" borderId="92" xfId="149" applyNumberFormat="1" applyFont="1" applyFill="1" applyBorder="1" applyAlignment="1">
      <alignment vertical="center" shrinkToFit="1"/>
    </xf>
    <xf numFmtId="193" fontId="64" fillId="0" borderId="59" xfId="149" applyNumberFormat="1" applyFont="1" applyFill="1" applyBorder="1" applyAlignment="1">
      <alignment horizontal="right" vertical="center" shrinkToFit="1"/>
    </xf>
    <xf numFmtId="0" fontId="64" fillId="0" borderId="59" xfId="149" applyNumberFormat="1" applyFont="1" applyFill="1" applyBorder="1" applyAlignment="1">
      <alignment horizontal="center" vertical="center" shrinkToFit="1"/>
    </xf>
    <xf numFmtId="0" fontId="64" fillId="0" borderId="59" xfId="149" applyNumberFormat="1" applyFont="1" applyFill="1" applyBorder="1" applyAlignment="1">
      <alignment vertical="center" shrinkToFit="1"/>
    </xf>
    <xf numFmtId="0" fontId="64" fillId="0" borderId="85" xfId="149" applyNumberFormat="1" applyFont="1" applyFill="1" applyBorder="1" applyAlignment="1">
      <alignment vertical="center" shrinkToFit="1"/>
    </xf>
    <xf numFmtId="0" fontId="64" fillId="0" borderId="90" xfId="149" applyNumberFormat="1" applyFont="1" applyFill="1" applyBorder="1" applyAlignment="1">
      <alignment vertical="center" shrinkToFit="1"/>
    </xf>
    <xf numFmtId="193" fontId="64" fillId="0" borderId="51" xfId="149" applyNumberFormat="1" applyFont="1" applyFill="1" applyBorder="1" applyAlignment="1">
      <alignment horizontal="right" vertical="center" shrinkToFit="1"/>
    </xf>
    <xf numFmtId="0" fontId="64" fillId="0" borderId="51" xfId="149" applyNumberFormat="1" applyFont="1" applyFill="1" applyBorder="1" applyAlignment="1">
      <alignment horizontal="center" vertical="center" shrinkToFit="1"/>
    </xf>
    <xf numFmtId="0" fontId="64" fillId="0" borderId="51" xfId="149" applyNumberFormat="1" applyFont="1" applyFill="1" applyBorder="1" applyAlignment="1">
      <alignment vertical="center" shrinkToFit="1"/>
    </xf>
    <xf numFmtId="0" fontId="64" fillId="0" borderId="50" xfId="149" applyNumberFormat="1" applyFont="1" applyFill="1" applyBorder="1" applyAlignment="1">
      <alignment vertical="center" shrinkToFit="1"/>
    </xf>
    <xf numFmtId="49" fontId="64" fillId="0" borderId="59" xfId="149" quotePrefix="1" applyNumberFormat="1" applyFont="1" applyFill="1" applyBorder="1" applyAlignment="1">
      <alignment vertical="center" shrinkToFit="1"/>
    </xf>
    <xf numFmtId="193" fontId="64" fillId="0" borderId="51" xfId="149" applyNumberFormat="1" applyFill="1" applyBorder="1" applyAlignment="1">
      <alignment horizontal="right" vertical="center" shrinkToFit="1"/>
    </xf>
    <xf numFmtId="193" fontId="64" fillId="0" borderId="47" xfId="149" applyNumberFormat="1" applyFill="1" applyBorder="1" applyAlignment="1">
      <alignment horizontal="right" vertical="center" shrinkToFit="1"/>
    </xf>
    <xf numFmtId="49" fontId="64" fillId="0" borderId="47" xfId="149" applyNumberFormat="1" applyFill="1" applyBorder="1" applyAlignment="1">
      <alignment horizontal="center" vertical="center" shrinkToFit="1"/>
    </xf>
    <xf numFmtId="3" fontId="32" fillId="0" borderId="45" xfId="1" applyNumberFormat="1" applyFont="1" applyBorder="1" applyAlignment="1">
      <alignment vertical="top"/>
    </xf>
    <xf numFmtId="0" fontId="32" fillId="0" borderId="42" xfId="1" applyFont="1" applyBorder="1" applyAlignment="1">
      <alignment horizontal="center" vertical="top"/>
    </xf>
    <xf numFmtId="0" fontId="4" fillId="0" borderId="48" xfId="1" applyFont="1" applyFill="1" applyBorder="1" applyAlignment="1">
      <alignment vertical="top" wrapText="1"/>
    </xf>
    <xf numFmtId="0" fontId="4" fillId="0" borderId="0" xfId="1" applyFont="1" applyFill="1" applyBorder="1" applyAlignment="1">
      <alignment vertical="top" wrapText="1"/>
    </xf>
    <xf numFmtId="0" fontId="4" fillId="0" borderId="49" xfId="1" applyFont="1" applyFill="1" applyBorder="1" applyAlignment="1">
      <alignment vertical="top" wrapText="1"/>
    </xf>
    <xf numFmtId="0" fontId="4" fillId="0" borderId="0" xfId="1" applyFont="1" applyFill="1" applyBorder="1" applyAlignment="1">
      <alignment shrinkToFit="1"/>
    </xf>
    <xf numFmtId="0" fontId="4" fillId="0" borderId="76" xfId="1" applyFont="1" applyFill="1" applyBorder="1" applyAlignment="1">
      <alignment horizontal="center"/>
    </xf>
    <xf numFmtId="0" fontId="4" fillId="0" borderId="63" xfId="1" applyFont="1" applyFill="1" applyBorder="1" applyAlignment="1">
      <alignment horizontal="center"/>
    </xf>
    <xf numFmtId="0" fontId="4" fillId="0" borderId="64" xfId="1" applyFont="1" applyFill="1" applyBorder="1" applyAlignment="1">
      <alignment horizontal="center"/>
    </xf>
    <xf numFmtId="0" fontId="4" fillId="0" borderId="63" xfId="1" applyFont="1" applyFill="1" applyBorder="1" applyAlignment="1">
      <alignment horizontal="center" shrinkToFit="1"/>
    </xf>
    <xf numFmtId="0" fontId="4" fillId="0" borderId="74" xfId="1" applyFont="1" applyFill="1" applyBorder="1" applyAlignment="1">
      <alignment horizontal="center"/>
    </xf>
    <xf numFmtId="0" fontId="4" fillId="0" borderId="39" xfId="1" applyFont="1" applyFill="1" applyBorder="1" applyAlignment="1">
      <alignment horizontal="center"/>
    </xf>
    <xf numFmtId="0" fontId="4" fillId="0" borderId="40" xfId="1" applyFont="1" applyFill="1" applyBorder="1" applyAlignment="1">
      <alignment horizontal="center"/>
    </xf>
    <xf numFmtId="0" fontId="4" fillId="0" borderId="0" xfId="1" applyFont="1" applyFill="1" applyBorder="1" applyAlignment="1">
      <alignment horizontal="left" shrinkToFit="1"/>
    </xf>
    <xf numFmtId="0" fontId="1" fillId="0" borderId="0" xfId="1" applyFont="1" applyFill="1" applyAlignment="1">
      <alignment shrinkToFit="1"/>
    </xf>
    <xf numFmtId="0" fontId="4" fillId="0" borderId="0" xfId="1" applyFont="1" applyFill="1" applyBorder="1" applyAlignment="1">
      <alignment horizontal="center" shrinkToFit="1"/>
    </xf>
    <xf numFmtId="0" fontId="4" fillId="0" borderId="39" xfId="1" applyFont="1" applyFill="1" applyBorder="1" applyAlignment="1"/>
    <xf numFmtId="0" fontId="4" fillId="0" borderId="74" xfId="1" applyFont="1" applyFill="1" applyBorder="1" applyAlignment="1">
      <alignment horizontal="center" wrapText="1"/>
    </xf>
    <xf numFmtId="0" fontId="4" fillId="0" borderId="75" xfId="1" applyFont="1" applyFill="1" applyBorder="1" applyAlignment="1">
      <alignment horizontal="center"/>
    </xf>
    <xf numFmtId="0" fontId="4" fillId="0" borderId="0" xfId="1" applyFont="1" applyFill="1" applyBorder="1" applyAlignment="1">
      <alignment horizontal="center"/>
    </xf>
    <xf numFmtId="0" fontId="4" fillId="0" borderId="49" xfId="1" applyFont="1" applyFill="1" applyBorder="1" applyAlignment="1">
      <alignment horizontal="center"/>
    </xf>
    <xf numFmtId="0" fontId="4" fillId="0" borderId="39" xfId="1" applyFont="1" applyFill="1" applyBorder="1" applyAlignment="1">
      <alignment shrinkToFit="1"/>
    </xf>
    <xf numFmtId="0" fontId="6" fillId="0" borderId="48" xfId="1" applyFont="1" applyFill="1" applyBorder="1" applyAlignment="1">
      <alignment vertical="center" wrapText="1"/>
    </xf>
    <xf numFmtId="0" fontId="6" fillId="0" borderId="0" xfId="1" applyFont="1" applyFill="1" applyBorder="1" applyAlignment="1">
      <alignment vertical="center" wrapText="1"/>
    </xf>
    <xf numFmtId="0" fontId="6" fillId="0" borderId="49" xfId="1" applyFont="1" applyFill="1" applyBorder="1" applyAlignment="1">
      <alignment vertical="center" wrapText="1"/>
    </xf>
    <xf numFmtId="0" fontId="1" fillId="0" borderId="48" xfId="1" applyFont="1" applyFill="1" applyBorder="1" applyAlignment="1">
      <alignment vertical="center" wrapText="1"/>
    </xf>
    <xf numFmtId="0" fontId="1" fillId="0" borderId="0" xfId="1" applyFont="1" applyFill="1" applyBorder="1" applyAlignment="1">
      <alignment vertical="center" wrapText="1"/>
    </xf>
    <xf numFmtId="0" fontId="1" fillId="0" borderId="49" xfId="1" applyFont="1" applyFill="1" applyBorder="1" applyAlignment="1">
      <alignment vertical="center" wrapText="1"/>
    </xf>
    <xf numFmtId="0" fontId="6" fillId="0" borderId="0" xfId="1" applyFont="1" applyFill="1" applyBorder="1" applyAlignment="1">
      <alignment shrinkToFit="1"/>
    </xf>
    <xf numFmtId="0" fontId="1" fillId="0" borderId="0" xfId="1" applyFont="1" applyFill="1" applyBorder="1" applyAlignment="1">
      <alignment shrinkToFit="1"/>
    </xf>
    <xf numFmtId="0" fontId="1" fillId="0" borderId="39" xfId="1" applyFont="1" applyFill="1" applyBorder="1" applyAlignment="1">
      <alignment horizontal="center"/>
    </xf>
    <xf numFmtId="0" fontId="1" fillId="0" borderId="40" xfId="1" applyFont="1" applyFill="1" applyBorder="1" applyAlignment="1">
      <alignment horizontal="center"/>
    </xf>
    <xf numFmtId="0" fontId="4" fillId="0" borderId="39" xfId="1" applyFont="1" applyFill="1" applyBorder="1" applyAlignment="1">
      <alignment horizontal="center" wrapText="1"/>
    </xf>
    <xf numFmtId="0" fontId="4" fillId="0" borderId="40" xfId="1" applyFont="1" applyFill="1" applyBorder="1" applyAlignment="1">
      <alignment horizontal="center" wrapText="1"/>
    </xf>
    <xf numFmtId="0" fontId="1" fillId="0" borderId="75" xfId="1" applyFont="1" applyFill="1" applyBorder="1" applyAlignment="1">
      <alignment horizontal="center" wrapText="1"/>
    </xf>
    <xf numFmtId="0" fontId="1" fillId="0" borderId="0" xfId="1" applyFont="1" applyFill="1" applyBorder="1" applyAlignment="1">
      <alignment horizontal="center" wrapText="1"/>
    </xf>
    <xf numFmtId="0" fontId="1" fillId="0" borderId="49" xfId="1" applyFont="1" applyFill="1" applyBorder="1" applyAlignment="1">
      <alignment horizontal="center" wrapText="1"/>
    </xf>
    <xf numFmtId="0" fontId="4" fillId="0" borderId="40" xfId="1" applyFont="1" applyFill="1" applyBorder="1" applyAlignment="1">
      <alignment shrinkToFit="1"/>
    </xf>
    <xf numFmtId="0" fontId="4" fillId="0" borderId="68" xfId="1" applyFont="1" applyFill="1" applyBorder="1" applyAlignment="1">
      <alignment shrinkToFit="1"/>
    </xf>
    <xf numFmtId="0" fontId="4" fillId="0" borderId="74" xfId="1" applyFont="1" applyFill="1" applyBorder="1" applyAlignment="1">
      <alignment shrinkToFit="1"/>
    </xf>
    <xf numFmtId="0" fontId="6" fillId="0" borderId="48" xfId="1" applyFont="1" applyFill="1" applyBorder="1" applyAlignment="1">
      <alignment vertical="top" wrapText="1"/>
    </xf>
    <xf numFmtId="0" fontId="1" fillId="0" borderId="0" xfId="1" applyFont="1" applyFill="1" applyBorder="1" applyAlignment="1">
      <alignment vertical="top" wrapText="1"/>
    </xf>
    <xf numFmtId="0" fontId="1" fillId="0" borderId="49" xfId="1" applyFont="1" applyFill="1" applyBorder="1" applyAlignment="1">
      <alignment vertical="top" wrapText="1"/>
    </xf>
    <xf numFmtId="0" fontId="1" fillId="0" borderId="48" xfId="1" applyFont="1" applyFill="1" applyBorder="1" applyAlignment="1">
      <alignment vertical="top" wrapText="1"/>
    </xf>
    <xf numFmtId="0" fontId="4" fillId="0" borderId="0" xfId="1" applyFont="1" applyFill="1" applyAlignment="1">
      <alignment vertical="top" wrapText="1"/>
    </xf>
    <xf numFmtId="0" fontId="4" fillId="0" borderId="0" xfId="1" applyFont="1" applyFill="1" applyBorder="1" applyAlignment="1"/>
    <xf numFmtId="0" fontId="32" fillId="0" borderId="17" xfId="1" applyNumberFormat="1" applyFont="1" applyBorder="1" applyAlignment="1" applyProtection="1">
      <alignment horizontal="center" vertical="center" justifyLastLine="1"/>
    </xf>
    <xf numFmtId="0" fontId="32" fillId="0" borderId="18" xfId="1" applyNumberFormat="1" applyFont="1" applyBorder="1" applyAlignment="1" applyProtection="1">
      <alignment horizontal="center" vertical="center" justifyLastLine="1"/>
    </xf>
    <xf numFmtId="0" fontId="32" fillId="0" borderId="19" xfId="1" applyNumberFormat="1" applyFont="1" applyBorder="1" applyAlignment="1" applyProtection="1">
      <alignment horizontal="center" vertical="center" justifyLastLine="1"/>
    </xf>
    <xf numFmtId="0" fontId="30" fillId="0" borderId="43" xfId="1" applyFont="1" applyBorder="1" applyAlignment="1">
      <alignment horizontal="center" vertical="top"/>
    </xf>
    <xf numFmtId="0" fontId="32" fillId="0" borderId="44" xfId="1" applyFont="1" applyBorder="1" applyAlignment="1">
      <alignment horizontal="center" vertical="top"/>
    </xf>
    <xf numFmtId="0" fontId="32" fillId="0" borderId="45" xfId="1" applyFont="1" applyBorder="1" applyAlignment="1">
      <alignment horizontal="center" vertical="top"/>
    </xf>
    <xf numFmtId="49" fontId="9" fillId="0" borderId="76" xfId="149" applyNumberFormat="1" applyFont="1" applyFill="1" applyBorder="1" applyAlignment="1">
      <alignment vertical="center"/>
    </xf>
    <xf numFmtId="49" fontId="9" fillId="0" borderId="63" xfId="149" applyNumberFormat="1" applyFont="1" applyFill="1" applyBorder="1" applyAlignment="1">
      <alignment vertical="center"/>
    </xf>
    <xf numFmtId="49" fontId="9" fillId="0" borderId="64" xfId="149" applyNumberFormat="1" applyFont="1" applyFill="1" applyBorder="1" applyAlignment="1">
      <alignment vertical="center"/>
    </xf>
    <xf numFmtId="49" fontId="9" fillId="0" borderId="36" xfId="149" applyNumberFormat="1" applyFont="1" applyFill="1" applyBorder="1" applyAlignment="1">
      <alignment horizontal="center" vertical="center"/>
    </xf>
    <xf numFmtId="49" fontId="9" fillId="0" borderId="41" xfId="149" applyNumberFormat="1" applyFont="1" applyFill="1" applyBorder="1" applyAlignment="1">
      <alignment horizontal="center" vertical="center"/>
    </xf>
    <xf numFmtId="49" fontId="9" fillId="0" borderId="37" xfId="149" applyNumberFormat="1" applyFont="1" applyFill="1" applyBorder="1" applyAlignment="1">
      <alignment horizontal="center" vertical="center"/>
    </xf>
    <xf numFmtId="49" fontId="9" fillId="0" borderId="42" xfId="149" applyNumberFormat="1" applyFont="1" applyFill="1" applyBorder="1" applyAlignment="1">
      <alignment horizontal="center" vertical="center"/>
    </xf>
    <xf numFmtId="49" fontId="9" fillId="0" borderId="94" xfId="149" applyNumberFormat="1" applyFont="1" applyFill="1" applyBorder="1" applyAlignment="1">
      <alignment horizontal="center" vertical="center"/>
    </xf>
    <xf numFmtId="49" fontId="9" fillId="0" borderId="93" xfId="149" applyNumberFormat="1" applyFont="1" applyFill="1" applyBorder="1" applyAlignment="1">
      <alignment horizontal="center" vertical="center"/>
    </xf>
    <xf numFmtId="49" fontId="9" fillId="0" borderId="76" xfId="149" applyNumberFormat="1" applyFont="1" applyFill="1" applyBorder="1" applyAlignment="1">
      <alignment vertical="center" shrinkToFit="1"/>
    </xf>
    <xf numFmtId="49" fontId="9" fillId="0" borderId="63" xfId="149" applyNumberFormat="1" applyFont="1" applyFill="1" applyBorder="1" applyAlignment="1">
      <alignment vertical="center" shrinkToFit="1"/>
    </xf>
    <xf numFmtId="49" fontId="9" fillId="0" borderId="64" xfId="149" applyNumberFormat="1" applyFont="1" applyFill="1" applyBorder="1" applyAlignment="1">
      <alignment vertical="center" shrinkToFit="1"/>
    </xf>
  </cellXfs>
  <cellStyles count="150">
    <cellStyle name="æØè [0.00]" xfId="7"/>
    <cellStyle name="ÊÝ [0.00]" xfId="8"/>
    <cellStyle name="0" xfId="59"/>
    <cellStyle name="１" xfId="60"/>
    <cellStyle name="１０スタイル" xfId="61"/>
    <cellStyle name="121" xfId="9"/>
    <cellStyle name="20% - アクセント 1 2" xfId="62"/>
    <cellStyle name="20% - アクセント 2 2" xfId="63"/>
    <cellStyle name="20% - アクセント 3 2" xfId="64"/>
    <cellStyle name="20% - アクセント 4 2" xfId="65"/>
    <cellStyle name="20% - アクセント 6 2" xfId="66"/>
    <cellStyle name="40% - アクセント 1 2" xfId="67"/>
    <cellStyle name="40% - アクセント 3 2" xfId="68"/>
    <cellStyle name="40% - アクセント 4 2" xfId="69"/>
    <cellStyle name="40% - アクセント 5 2" xfId="70"/>
    <cellStyle name="40% - アクセント 6 2" xfId="71"/>
    <cellStyle name="60% - アクセント 1 2" xfId="72"/>
    <cellStyle name="60% - アクセント 2 2" xfId="73"/>
    <cellStyle name="60% - アクセント 3 2" xfId="74"/>
    <cellStyle name="60% - アクセント 4 2" xfId="75"/>
    <cellStyle name="60% - アクセント 5 2" xfId="76"/>
    <cellStyle name="60% - アクセント 6 2" xfId="77"/>
    <cellStyle name="Calc Currency (0)" xfId="10"/>
    <cellStyle name="Calc Currency (0) 2" xfId="78"/>
    <cellStyle name="Comma [0]_laroux" xfId="79"/>
    <cellStyle name="Comma_laroux" xfId="80"/>
    <cellStyle name="Currency [0]_laroux" xfId="81"/>
    <cellStyle name="Currency_laroux" xfId="82"/>
    <cellStyle name="entry" xfId="11"/>
    <cellStyle name="Grey" xfId="12"/>
    <cellStyle name="Header1" xfId="13"/>
    <cellStyle name="Header2" xfId="14"/>
    <cellStyle name="Input [yellow]" xfId="15"/>
    <cellStyle name="Normal - Style1" xfId="16"/>
    <cellStyle name="Normal_#18-Internet" xfId="17"/>
    <cellStyle name="ORG" xfId="83"/>
    <cellStyle name="Percent [2]" xfId="18"/>
    <cellStyle name="price" xfId="19"/>
    <cellStyle name="PSChar" xfId="20"/>
    <cellStyle name="PSHeading" xfId="21"/>
    <cellStyle name="revised" xfId="22"/>
    <cellStyle name="sc5" xfId="23"/>
    <cellStyle name="sc7" xfId="24"/>
    <cellStyle name="section" xfId="25"/>
    <cellStyle name="Standard_COST INPUT SHEET" xfId="26"/>
    <cellStyle name="STYL0 - スタイル1" xfId="84"/>
    <cellStyle name="STYL1 - スタイル2" xfId="85"/>
    <cellStyle name="STYL2 - スタイル3" xfId="86"/>
    <cellStyle name="STYL3 - スタイル4" xfId="87"/>
    <cellStyle name="STYL4 - スタイル5" xfId="88"/>
    <cellStyle name="STYL5 - スタイル6" xfId="89"/>
    <cellStyle name="STYL6 - スタイル7" xfId="90"/>
    <cellStyle name="STYL7 - スタイル8" xfId="91"/>
    <cellStyle name="subhead" xfId="27"/>
    <cellStyle name="SYUUKEI" xfId="92"/>
    <cellStyle name="title" xfId="28"/>
    <cellStyle name="アクセント 1 2" xfId="93"/>
    <cellStyle name="アクセント 2 2" xfId="94"/>
    <cellStyle name="アクセント 3 2" xfId="95"/>
    <cellStyle name="アクセント 4 2" xfId="96"/>
    <cellStyle name="アクセント 6 2" xfId="97"/>
    <cellStyle name="タイトル 2" xfId="98"/>
    <cellStyle name="どちらでもない 2" xfId="99"/>
    <cellStyle name="パーセント 2" xfId="2"/>
    <cellStyle name="パーセント 3" xfId="100"/>
    <cellStyle name="パーセント 4" xfId="101"/>
    <cellStyle name="ﾌｫﾝﾄ変更" xfId="29"/>
    <cellStyle name="メモ 2" xfId="102"/>
    <cellStyle name="リンク セル 2" xfId="103"/>
    <cellStyle name="悪い 2" xfId="104"/>
    <cellStyle name="下段_0" xfId="30"/>
    <cellStyle name="会社名" xfId="31"/>
    <cellStyle name="金額" xfId="32"/>
    <cellStyle name="計算 2" xfId="105"/>
    <cellStyle name="桁蟻唇Ｆ [0.00]_laroux" xfId="106"/>
    <cellStyle name="桁蟻唇Ｆ_laroux" xfId="107"/>
    <cellStyle name="桁区切り" xfId="58" builtinId="6"/>
    <cellStyle name="桁区切り [0.0]" xfId="33"/>
    <cellStyle name="桁区切り 2" xfId="3"/>
    <cellStyle name="桁区切り 2 2" xfId="34"/>
    <cellStyle name="桁区切り 2 2 2" xfId="108"/>
    <cellStyle name="桁区切り 2 3" xfId="109"/>
    <cellStyle name="桁区切り 3" xfId="110"/>
    <cellStyle name="桁区切り 4" xfId="111"/>
    <cellStyle name="桁区切り（０なし）" xfId="35"/>
    <cellStyle name="見出し" xfId="112"/>
    <cellStyle name="見出し 1 2" xfId="113"/>
    <cellStyle name="見出し 2 2" xfId="114"/>
    <cellStyle name="見出し 3 2" xfId="115"/>
    <cellStyle name="見出し 4 2" xfId="116"/>
    <cellStyle name="見積桁区切り" xfId="36"/>
    <cellStyle name="見積-桁区切り" xfId="37"/>
    <cellStyle name="見積-通貨記号" xfId="38"/>
    <cellStyle name="個" xfId="117"/>
    <cellStyle name="個_仕切弁きょう" xfId="118"/>
    <cellStyle name="個_仕切弁きょう(千本)" xfId="119"/>
    <cellStyle name="個_仕切弁きょう静市" xfId="120"/>
    <cellStyle name="個_仕切弁きょう堀川" xfId="121"/>
    <cellStyle name="個_支給材料東半木町" xfId="122"/>
    <cellStyle name="個_数量" xfId="123"/>
    <cellStyle name="個_数量(一乗寺)" xfId="124"/>
    <cellStyle name="個_数量(吉田)" xfId="125"/>
    <cellStyle name="個_数量(四条大宮)" xfId="126"/>
    <cellStyle name="個_数量1" xfId="127"/>
    <cellStyle name="個_数量2" xfId="128"/>
    <cellStyle name="個_数量蹴上(修正後)" xfId="129"/>
    <cellStyle name="工期算定表" xfId="39"/>
    <cellStyle name="左官" xfId="130"/>
    <cellStyle name="集計 2" xfId="131"/>
    <cellStyle name="出力 2" xfId="132"/>
    <cellStyle name="上段_0" xfId="40"/>
    <cellStyle name="数量" xfId="41"/>
    <cellStyle name="数量計算" xfId="42"/>
    <cellStyle name="数量計算 2" xfId="133"/>
    <cellStyle name="積算" xfId="134"/>
    <cellStyle name="脱浦 [0.00]_１結右" xfId="135"/>
    <cellStyle name="脱浦_１結右" xfId="136"/>
    <cellStyle name="帳票" xfId="43"/>
    <cellStyle name="通貨 2" xfId="137"/>
    <cellStyle name="土木断面" xfId="138"/>
    <cellStyle name="内訳書" xfId="139"/>
    <cellStyle name="日付用" xfId="140"/>
    <cellStyle name="入力 2" xfId="141"/>
    <cellStyle name="標準" xfId="0" builtinId="0"/>
    <cellStyle name="標準 10" xfId="142"/>
    <cellStyle name="標準 11" xfId="143"/>
    <cellStyle name="標準 12" xfId="144"/>
    <cellStyle name="標準 13" xfId="149"/>
    <cellStyle name="標準 2" xfId="1"/>
    <cellStyle name="標準 2 2" xfId="44"/>
    <cellStyle name="標準 2 2 2" xfId="145"/>
    <cellStyle name="標準 2 3" xfId="50"/>
    <cellStyle name="標準 2_■改善版　 日永浄化センター第１系統№2ブロワ分解修繕設計書" xfId="146"/>
    <cellStyle name="標準 3" xfId="6"/>
    <cellStyle name="標準 4" xfId="51"/>
    <cellStyle name="標準 5" xfId="52"/>
    <cellStyle name="標準 6" xfId="53"/>
    <cellStyle name="標準 7" xfId="54"/>
    <cellStyle name="標準 8" xfId="55"/>
    <cellStyle name="標準 9" xfId="56"/>
    <cellStyle name="標準_日永Ｃ空調設計書４分離" xfId="5"/>
    <cellStyle name="標準_用紙" xfId="4"/>
    <cellStyle name="標準２" xfId="45"/>
    <cellStyle name="標準A" xfId="46"/>
    <cellStyle name="標準Ａ" xfId="47"/>
    <cellStyle name="表紙" xfId="48"/>
    <cellStyle name="別紙明細" xfId="147"/>
    <cellStyle name="未定義" xfId="49"/>
    <cellStyle name="未定義 2" xfId="57"/>
    <cellStyle name="良い 2" xfId="14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2.xml"/><Relationship Id="rId18" Type="http://schemas.openxmlformats.org/officeDocument/2006/relationships/externalLink" Target="externalLinks/externalLink7.xml"/><Relationship Id="rId26" Type="http://schemas.openxmlformats.org/officeDocument/2006/relationships/externalLink" Target="externalLinks/externalLink15.xml"/><Relationship Id="rId39" Type="http://schemas.openxmlformats.org/officeDocument/2006/relationships/externalLink" Target="externalLinks/externalLink28.xml"/><Relationship Id="rId21" Type="http://schemas.openxmlformats.org/officeDocument/2006/relationships/externalLink" Target="externalLinks/externalLink10.xml"/><Relationship Id="rId34" Type="http://schemas.openxmlformats.org/officeDocument/2006/relationships/externalLink" Target="externalLinks/externalLink23.xml"/><Relationship Id="rId42" Type="http://schemas.openxmlformats.org/officeDocument/2006/relationships/externalLink" Target="externalLinks/externalLink31.xml"/><Relationship Id="rId47" Type="http://schemas.openxmlformats.org/officeDocument/2006/relationships/externalLink" Target="externalLinks/externalLink36.xml"/><Relationship Id="rId50" Type="http://schemas.openxmlformats.org/officeDocument/2006/relationships/externalLink" Target="externalLinks/externalLink39.xml"/><Relationship Id="rId55" Type="http://schemas.openxmlformats.org/officeDocument/2006/relationships/externalLink" Target="externalLinks/externalLink44.xml"/><Relationship Id="rId63" Type="http://schemas.openxmlformats.org/officeDocument/2006/relationships/theme" Target="theme/theme1.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5.xml"/><Relationship Id="rId20" Type="http://schemas.openxmlformats.org/officeDocument/2006/relationships/externalLink" Target="externalLinks/externalLink9.xml"/><Relationship Id="rId29" Type="http://schemas.openxmlformats.org/officeDocument/2006/relationships/externalLink" Target="externalLinks/externalLink18.xml"/><Relationship Id="rId41" Type="http://schemas.openxmlformats.org/officeDocument/2006/relationships/externalLink" Target="externalLinks/externalLink30.xml"/><Relationship Id="rId54" Type="http://schemas.openxmlformats.org/officeDocument/2006/relationships/externalLink" Target="externalLinks/externalLink43.xml"/><Relationship Id="rId62" Type="http://schemas.openxmlformats.org/officeDocument/2006/relationships/externalLink" Target="externalLinks/externalLink5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3.xml"/><Relationship Id="rId32" Type="http://schemas.openxmlformats.org/officeDocument/2006/relationships/externalLink" Target="externalLinks/externalLink21.xml"/><Relationship Id="rId37" Type="http://schemas.openxmlformats.org/officeDocument/2006/relationships/externalLink" Target="externalLinks/externalLink26.xml"/><Relationship Id="rId40" Type="http://schemas.openxmlformats.org/officeDocument/2006/relationships/externalLink" Target="externalLinks/externalLink29.xml"/><Relationship Id="rId45" Type="http://schemas.openxmlformats.org/officeDocument/2006/relationships/externalLink" Target="externalLinks/externalLink34.xml"/><Relationship Id="rId53" Type="http://schemas.openxmlformats.org/officeDocument/2006/relationships/externalLink" Target="externalLinks/externalLink42.xml"/><Relationship Id="rId58" Type="http://schemas.openxmlformats.org/officeDocument/2006/relationships/externalLink" Target="externalLinks/externalLink47.xml"/><Relationship Id="rId5" Type="http://schemas.openxmlformats.org/officeDocument/2006/relationships/worksheet" Target="worksheets/sheet5.xml"/><Relationship Id="rId15" Type="http://schemas.openxmlformats.org/officeDocument/2006/relationships/externalLink" Target="externalLinks/externalLink4.xml"/><Relationship Id="rId23" Type="http://schemas.openxmlformats.org/officeDocument/2006/relationships/externalLink" Target="externalLinks/externalLink12.xml"/><Relationship Id="rId28" Type="http://schemas.openxmlformats.org/officeDocument/2006/relationships/externalLink" Target="externalLinks/externalLink17.xml"/><Relationship Id="rId36" Type="http://schemas.openxmlformats.org/officeDocument/2006/relationships/externalLink" Target="externalLinks/externalLink25.xml"/><Relationship Id="rId49" Type="http://schemas.openxmlformats.org/officeDocument/2006/relationships/externalLink" Target="externalLinks/externalLink38.xml"/><Relationship Id="rId57" Type="http://schemas.openxmlformats.org/officeDocument/2006/relationships/externalLink" Target="externalLinks/externalLink46.xml"/><Relationship Id="rId61" Type="http://schemas.openxmlformats.org/officeDocument/2006/relationships/externalLink" Target="externalLinks/externalLink50.xml"/><Relationship Id="rId10" Type="http://schemas.openxmlformats.org/officeDocument/2006/relationships/worksheet" Target="worksheets/sheet10.xml"/><Relationship Id="rId19" Type="http://schemas.openxmlformats.org/officeDocument/2006/relationships/externalLink" Target="externalLinks/externalLink8.xml"/><Relationship Id="rId31" Type="http://schemas.openxmlformats.org/officeDocument/2006/relationships/externalLink" Target="externalLinks/externalLink20.xml"/><Relationship Id="rId44" Type="http://schemas.openxmlformats.org/officeDocument/2006/relationships/externalLink" Target="externalLinks/externalLink33.xml"/><Relationship Id="rId52" Type="http://schemas.openxmlformats.org/officeDocument/2006/relationships/externalLink" Target="externalLinks/externalLink41.xml"/><Relationship Id="rId60" Type="http://schemas.openxmlformats.org/officeDocument/2006/relationships/externalLink" Target="externalLinks/externalLink49.xml"/><Relationship Id="rId65"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3.xml"/><Relationship Id="rId22" Type="http://schemas.openxmlformats.org/officeDocument/2006/relationships/externalLink" Target="externalLinks/externalLink11.xml"/><Relationship Id="rId27" Type="http://schemas.openxmlformats.org/officeDocument/2006/relationships/externalLink" Target="externalLinks/externalLink16.xml"/><Relationship Id="rId30" Type="http://schemas.openxmlformats.org/officeDocument/2006/relationships/externalLink" Target="externalLinks/externalLink19.xml"/><Relationship Id="rId35" Type="http://schemas.openxmlformats.org/officeDocument/2006/relationships/externalLink" Target="externalLinks/externalLink24.xml"/><Relationship Id="rId43" Type="http://schemas.openxmlformats.org/officeDocument/2006/relationships/externalLink" Target="externalLinks/externalLink32.xml"/><Relationship Id="rId48" Type="http://schemas.openxmlformats.org/officeDocument/2006/relationships/externalLink" Target="externalLinks/externalLink37.xml"/><Relationship Id="rId56" Type="http://schemas.openxmlformats.org/officeDocument/2006/relationships/externalLink" Target="externalLinks/externalLink45.xml"/><Relationship Id="rId64" Type="http://schemas.openxmlformats.org/officeDocument/2006/relationships/styles" Target="styles.xml"/><Relationship Id="rId8" Type="http://schemas.openxmlformats.org/officeDocument/2006/relationships/worksheet" Target="worksheets/sheet8.xml"/><Relationship Id="rId51" Type="http://schemas.openxmlformats.org/officeDocument/2006/relationships/externalLink" Target="externalLinks/externalLink40.xml"/><Relationship Id="rId3" Type="http://schemas.openxmlformats.org/officeDocument/2006/relationships/worksheet" Target="worksheets/sheet3.xml"/><Relationship Id="rId12" Type="http://schemas.openxmlformats.org/officeDocument/2006/relationships/externalLink" Target="externalLinks/externalLink1.xml"/><Relationship Id="rId17" Type="http://schemas.openxmlformats.org/officeDocument/2006/relationships/externalLink" Target="externalLinks/externalLink6.xml"/><Relationship Id="rId25" Type="http://schemas.openxmlformats.org/officeDocument/2006/relationships/externalLink" Target="externalLinks/externalLink14.xml"/><Relationship Id="rId33" Type="http://schemas.openxmlformats.org/officeDocument/2006/relationships/externalLink" Target="externalLinks/externalLink22.xml"/><Relationship Id="rId38" Type="http://schemas.openxmlformats.org/officeDocument/2006/relationships/externalLink" Target="externalLinks/externalLink27.xml"/><Relationship Id="rId46" Type="http://schemas.openxmlformats.org/officeDocument/2006/relationships/externalLink" Target="externalLinks/externalLink35.xml"/><Relationship Id="rId59" Type="http://schemas.openxmlformats.org/officeDocument/2006/relationships/externalLink" Target="externalLinks/externalLink48.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checked="Checked"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checked="Checked"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checked="Checked"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checked="Checked"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checked="Checked"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checked="Checked"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checked="Checked"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checked="Checked"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checked="Checked" lockText="1" noThreeD="1"/>
</file>

<file path=xl/ctrlProps/ctrlProp206.xml><?xml version="1.0" encoding="utf-8"?>
<formControlPr xmlns="http://schemas.microsoft.com/office/spreadsheetml/2009/9/main" objectType="CheckBox" checked="Checked"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checked="Checked" lockText="1" noThreeD="1"/>
</file>

<file path=xl/ctrlProps/ctrlProp215.xml><?xml version="1.0" encoding="utf-8"?>
<formControlPr xmlns="http://schemas.microsoft.com/office/spreadsheetml/2009/9/main" objectType="CheckBox" checked="Checked"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checked="Checked"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checked="Checked"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checked="Checked"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checked="Checked"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checked="Checked" lockText="1" noThreeD="1"/>
</file>

<file path=xl/ctrlProps/ctrlProp233.xml><?xml version="1.0" encoding="utf-8"?>
<formControlPr xmlns="http://schemas.microsoft.com/office/spreadsheetml/2009/9/main" objectType="CheckBox" checked="Checked" lockText="1" noThreeD="1"/>
</file>

<file path=xl/ctrlProps/ctrlProp234.xml><?xml version="1.0" encoding="utf-8"?>
<formControlPr xmlns="http://schemas.microsoft.com/office/spreadsheetml/2009/9/main" objectType="CheckBox" checked="Checked"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checked="Checked"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checked="Checked" lockText="1" noThreeD="1"/>
</file>

<file path=xl/ctrlProps/ctrlProp243.xml><?xml version="1.0" encoding="utf-8"?>
<formControlPr xmlns="http://schemas.microsoft.com/office/spreadsheetml/2009/9/main" objectType="CheckBox" checked="Checked" lockText="1" noThreeD="1"/>
</file>

<file path=xl/ctrlProps/ctrlProp244.xml><?xml version="1.0" encoding="utf-8"?>
<formControlPr xmlns="http://schemas.microsoft.com/office/spreadsheetml/2009/9/main" objectType="CheckBox" checked="Checked"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checked="Checked"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checked="Checked"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checked="Checked"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checked="Checked"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checked="Checked"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checked="Checked"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checked="Checked" lockText="1" noThreeD="1"/>
</file>

<file path=xl/ctrlProps/ctrlProp355.xml><?xml version="1.0" encoding="utf-8"?>
<formControlPr xmlns="http://schemas.microsoft.com/office/spreadsheetml/2009/9/main" objectType="CheckBox" checked="Checked"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checked="Checked"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checked="Checked" lockText="1" noThreeD="1"/>
</file>

<file path=xl/ctrlProps/ctrlProp415.xml><?xml version="1.0" encoding="utf-8"?>
<formControlPr xmlns="http://schemas.microsoft.com/office/spreadsheetml/2009/9/main" objectType="CheckBox" checked="Checked"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checked="Checked"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checked="Checked" lockText="1" noThreeD="1"/>
</file>

<file path=xl/ctrlProps/ctrlProp433.xml><?xml version="1.0" encoding="utf-8"?>
<formControlPr xmlns="http://schemas.microsoft.com/office/spreadsheetml/2009/9/main" objectType="CheckBox" checked="Checked"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checked="Checked"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checked="Checked" lockText="1" noThreeD="1"/>
</file>

<file path=xl/ctrlProps/ctrlProp449.xml><?xml version="1.0" encoding="utf-8"?>
<formControlPr xmlns="http://schemas.microsoft.com/office/spreadsheetml/2009/9/main" objectType="CheckBox" checked="Checked"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checked="Checked" lockText="1" noThreeD="1"/>
</file>

<file path=xl/ctrlProps/ctrlProp452.xml><?xml version="1.0" encoding="utf-8"?>
<formControlPr xmlns="http://schemas.microsoft.com/office/spreadsheetml/2009/9/main" objectType="CheckBox" checked="Checked"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lockText="1" noThreeD="1"/>
</file>

<file path=xl/ctrlProps/ctrlProp459.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lockText="1" noThreeD="1"/>
</file>

<file path=xl/ctrlProps/ctrlProp461.xml><?xml version="1.0" encoding="utf-8"?>
<formControlPr xmlns="http://schemas.microsoft.com/office/spreadsheetml/2009/9/main" objectType="CheckBox" checked="Checked"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checked="Checked" lockText="1" noThreeD="1"/>
</file>

<file path=xl/ctrlProps/ctrlProp464.xml><?xml version="1.0" encoding="utf-8"?>
<formControlPr xmlns="http://schemas.microsoft.com/office/spreadsheetml/2009/9/main" objectType="CheckBox" lockText="1" noThreeD="1"/>
</file>

<file path=xl/ctrlProps/ctrlProp465.xml><?xml version="1.0" encoding="utf-8"?>
<formControlPr xmlns="http://schemas.microsoft.com/office/spreadsheetml/2009/9/main" objectType="CheckBox" checked="Checked" lockText="1" noThreeD="1"/>
</file>

<file path=xl/ctrlProps/ctrlProp466.xml><?xml version="1.0" encoding="utf-8"?>
<formControlPr xmlns="http://schemas.microsoft.com/office/spreadsheetml/2009/9/main" objectType="CheckBox" checked="Checked" lockText="1" noThreeD="1"/>
</file>

<file path=xl/ctrlProps/ctrlProp467.xml><?xml version="1.0" encoding="utf-8"?>
<formControlPr xmlns="http://schemas.microsoft.com/office/spreadsheetml/2009/9/main" objectType="CheckBox" checked="Checked" lockText="1" noThreeD="1"/>
</file>

<file path=xl/ctrlProps/ctrlProp468.xml><?xml version="1.0" encoding="utf-8"?>
<formControlPr xmlns="http://schemas.microsoft.com/office/spreadsheetml/2009/9/main" objectType="CheckBox" lockText="1" noThreeD="1"/>
</file>

<file path=xl/ctrlProps/ctrlProp469.xml><?xml version="1.0" encoding="utf-8"?>
<formControlPr xmlns="http://schemas.microsoft.com/office/spreadsheetml/2009/9/main" objectType="CheckBox" checked="Checked"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checked="Checked"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checked="Checked" lockText="1" noThreeD="1"/>
</file>

<file path=xl/ctrlProps/ctrlProp474.xml><?xml version="1.0" encoding="utf-8"?>
<formControlPr xmlns="http://schemas.microsoft.com/office/spreadsheetml/2009/9/main" objectType="CheckBox" lockText="1" noThreeD="1"/>
</file>

<file path=xl/ctrlProps/ctrlProp475.xml><?xml version="1.0" encoding="utf-8"?>
<formControlPr xmlns="http://schemas.microsoft.com/office/spreadsheetml/2009/9/main" objectType="CheckBox" lockText="1" noThreeD="1"/>
</file>

<file path=xl/ctrlProps/ctrlProp476.xml><?xml version="1.0" encoding="utf-8"?>
<formControlPr xmlns="http://schemas.microsoft.com/office/spreadsheetml/2009/9/main" objectType="CheckBox"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lockText="1" noThreeD="1"/>
</file>

<file path=xl/ctrlProps/ctrlProp479.xml><?xml version="1.0" encoding="utf-8"?>
<formControlPr xmlns="http://schemas.microsoft.com/office/spreadsheetml/2009/9/main" objectType="CheckBox" checked="Checked"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lockText="1" noThreeD="1"/>
</file>

<file path=xl/ctrlProps/ctrlProp488.xml><?xml version="1.0" encoding="utf-8"?>
<formControlPr xmlns="http://schemas.microsoft.com/office/spreadsheetml/2009/9/main" objectType="CheckBox" lockText="1" noThreeD="1"/>
</file>

<file path=xl/ctrlProps/ctrlProp489.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checked="Checked"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checked="Checked"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1</xdr:row>
          <xdr:rowOff>152400</xdr:rowOff>
        </xdr:from>
        <xdr:to>
          <xdr:col>8</xdr:col>
          <xdr:colOff>104775</xdr:colOff>
          <xdr:row>33</xdr:row>
          <xdr:rowOff>3810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1071" name="Check Box 47"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3</xdr:row>
          <xdr:rowOff>9525</xdr:rowOff>
        </xdr:from>
        <xdr:to>
          <xdr:col>24</xdr:col>
          <xdr:colOff>104775</xdr:colOff>
          <xdr:row>44</xdr:row>
          <xdr:rowOff>28575</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4</xdr:row>
          <xdr:rowOff>0</xdr:rowOff>
        </xdr:from>
        <xdr:to>
          <xdr:col>25</xdr:col>
          <xdr:colOff>95250</xdr:colOff>
          <xdr:row>45</xdr:row>
          <xdr:rowOff>38100</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4</xdr:row>
          <xdr:rowOff>142875</xdr:rowOff>
        </xdr:from>
        <xdr:to>
          <xdr:col>24</xdr:col>
          <xdr:colOff>114300</xdr:colOff>
          <xdr:row>46</xdr:row>
          <xdr:rowOff>28575</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5</xdr:row>
          <xdr:rowOff>152400</xdr:rowOff>
        </xdr:from>
        <xdr:to>
          <xdr:col>25</xdr:col>
          <xdr:colOff>114300</xdr:colOff>
          <xdr:row>47</xdr:row>
          <xdr:rowOff>3810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133350</xdr:rowOff>
        </xdr:from>
        <xdr:to>
          <xdr:col>31</xdr:col>
          <xdr:colOff>95250</xdr:colOff>
          <xdr:row>47</xdr:row>
          <xdr:rowOff>3810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3</xdr:row>
          <xdr:rowOff>171450</xdr:rowOff>
        </xdr:from>
        <xdr:to>
          <xdr:col>31</xdr:col>
          <xdr:colOff>95250</xdr:colOff>
          <xdr:row>45</xdr:row>
          <xdr:rowOff>381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5</xdr:row>
          <xdr:rowOff>142875</xdr:rowOff>
        </xdr:from>
        <xdr:to>
          <xdr:col>51</xdr:col>
          <xdr:colOff>104775</xdr:colOff>
          <xdr:row>47</xdr:row>
          <xdr:rowOff>28575</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5</xdr:row>
          <xdr:rowOff>152400</xdr:rowOff>
        </xdr:from>
        <xdr:to>
          <xdr:col>56</xdr:col>
          <xdr:colOff>95250</xdr:colOff>
          <xdr:row>47</xdr:row>
          <xdr:rowOff>3810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42875</xdr:rowOff>
        </xdr:from>
        <xdr:to>
          <xdr:col>25</xdr:col>
          <xdr:colOff>114300</xdr:colOff>
          <xdr:row>48</xdr:row>
          <xdr:rowOff>28575</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0</xdr:row>
          <xdr:rowOff>142875</xdr:rowOff>
        </xdr:from>
        <xdr:to>
          <xdr:col>8</xdr:col>
          <xdr:colOff>104775</xdr:colOff>
          <xdr:row>52</xdr:row>
          <xdr:rowOff>28575</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2</xdr:row>
          <xdr:rowOff>133350</xdr:rowOff>
        </xdr:from>
        <xdr:to>
          <xdr:col>33</xdr:col>
          <xdr:colOff>104775</xdr:colOff>
          <xdr:row>54</xdr:row>
          <xdr:rowOff>1905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2</xdr:row>
          <xdr:rowOff>142875</xdr:rowOff>
        </xdr:from>
        <xdr:to>
          <xdr:col>37</xdr:col>
          <xdr:colOff>95250</xdr:colOff>
          <xdr:row>54</xdr:row>
          <xdr:rowOff>28575</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2</xdr:row>
          <xdr:rowOff>142875</xdr:rowOff>
        </xdr:from>
        <xdr:to>
          <xdr:col>41</xdr:col>
          <xdr:colOff>104775</xdr:colOff>
          <xdr:row>54</xdr:row>
          <xdr:rowOff>2857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2</xdr:row>
          <xdr:rowOff>142875</xdr:rowOff>
        </xdr:from>
        <xdr:to>
          <xdr:col>45</xdr:col>
          <xdr:colOff>114300</xdr:colOff>
          <xdr:row>54</xdr:row>
          <xdr:rowOff>28575</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2</xdr:row>
          <xdr:rowOff>152400</xdr:rowOff>
        </xdr:from>
        <xdr:to>
          <xdr:col>49</xdr:col>
          <xdr:colOff>85725</xdr:colOff>
          <xdr:row>54</xdr:row>
          <xdr:rowOff>3810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2</xdr:row>
          <xdr:rowOff>142875</xdr:rowOff>
        </xdr:from>
        <xdr:to>
          <xdr:col>53</xdr:col>
          <xdr:colOff>104775</xdr:colOff>
          <xdr:row>54</xdr:row>
          <xdr:rowOff>2857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5</xdr:row>
          <xdr:rowOff>152400</xdr:rowOff>
        </xdr:from>
        <xdr:to>
          <xdr:col>24</xdr:col>
          <xdr:colOff>104775</xdr:colOff>
          <xdr:row>57</xdr:row>
          <xdr:rowOff>3810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6</xdr:row>
          <xdr:rowOff>142875</xdr:rowOff>
        </xdr:from>
        <xdr:to>
          <xdr:col>25</xdr:col>
          <xdr:colOff>95250</xdr:colOff>
          <xdr:row>58</xdr:row>
          <xdr:rowOff>28575</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6</xdr:row>
          <xdr:rowOff>142875</xdr:rowOff>
        </xdr:from>
        <xdr:to>
          <xdr:col>31</xdr:col>
          <xdr:colOff>95250</xdr:colOff>
          <xdr:row>58</xdr:row>
          <xdr:rowOff>28575</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7</xdr:row>
          <xdr:rowOff>142875</xdr:rowOff>
        </xdr:from>
        <xdr:to>
          <xdr:col>24</xdr:col>
          <xdr:colOff>104775</xdr:colOff>
          <xdr:row>59</xdr:row>
          <xdr:rowOff>28575</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8</xdr:row>
          <xdr:rowOff>142875</xdr:rowOff>
        </xdr:from>
        <xdr:to>
          <xdr:col>25</xdr:col>
          <xdr:colOff>95250</xdr:colOff>
          <xdr:row>60</xdr:row>
          <xdr:rowOff>28575</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8</xdr:row>
          <xdr:rowOff>152400</xdr:rowOff>
        </xdr:from>
        <xdr:to>
          <xdr:col>57</xdr:col>
          <xdr:colOff>95250</xdr:colOff>
          <xdr:row>60</xdr:row>
          <xdr:rowOff>3810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8</xdr:row>
          <xdr:rowOff>142875</xdr:rowOff>
        </xdr:from>
        <xdr:to>
          <xdr:col>31</xdr:col>
          <xdr:colOff>95250</xdr:colOff>
          <xdr:row>60</xdr:row>
          <xdr:rowOff>2857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5</xdr:row>
          <xdr:rowOff>142875</xdr:rowOff>
        </xdr:from>
        <xdr:to>
          <xdr:col>8</xdr:col>
          <xdr:colOff>104775</xdr:colOff>
          <xdr:row>57</xdr:row>
          <xdr:rowOff>28575</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9</xdr:row>
          <xdr:rowOff>142875</xdr:rowOff>
        </xdr:from>
        <xdr:to>
          <xdr:col>8</xdr:col>
          <xdr:colOff>104775</xdr:colOff>
          <xdr:row>61</xdr:row>
          <xdr:rowOff>28575</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1</xdr:row>
          <xdr:rowOff>152400</xdr:rowOff>
        </xdr:from>
        <xdr:to>
          <xdr:col>8</xdr:col>
          <xdr:colOff>104775</xdr:colOff>
          <xdr:row>63</xdr:row>
          <xdr:rowOff>38100</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3</xdr:row>
          <xdr:rowOff>142875</xdr:rowOff>
        </xdr:from>
        <xdr:to>
          <xdr:col>8</xdr:col>
          <xdr:colOff>104775</xdr:colOff>
          <xdr:row>65</xdr:row>
          <xdr:rowOff>28575</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3</xdr:row>
          <xdr:rowOff>142875</xdr:rowOff>
        </xdr:from>
        <xdr:to>
          <xdr:col>24</xdr:col>
          <xdr:colOff>104775</xdr:colOff>
          <xdr:row>65</xdr:row>
          <xdr:rowOff>28575</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4</xdr:row>
          <xdr:rowOff>161925</xdr:rowOff>
        </xdr:from>
        <xdr:to>
          <xdr:col>25</xdr:col>
          <xdr:colOff>95250</xdr:colOff>
          <xdr:row>66</xdr:row>
          <xdr:rowOff>47625</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4</xdr:row>
          <xdr:rowOff>161925</xdr:rowOff>
        </xdr:from>
        <xdr:to>
          <xdr:col>31</xdr:col>
          <xdr:colOff>95250</xdr:colOff>
          <xdr:row>66</xdr:row>
          <xdr:rowOff>47625</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4</xdr:row>
          <xdr:rowOff>152400</xdr:rowOff>
        </xdr:from>
        <xdr:to>
          <xdr:col>57</xdr:col>
          <xdr:colOff>104775</xdr:colOff>
          <xdr:row>66</xdr:row>
          <xdr:rowOff>19050</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9</xdr:row>
          <xdr:rowOff>161925</xdr:rowOff>
        </xdr:from>
        <xdr:to>
          <xdr:col>25</xdr:col>
          <xdr:colOff>95250</xdr:colOff>
          <xdr:row>71</xdr:row>
          <xdr:rowOff>47625</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9</xdr:row>
          <xdr:rowOff>161925</xdr:rowOff>
        </xdr:from>
        <xdr:to>
          <xdr:col>31</xdr:col>
          <xdr:colOff>95250</xdr:colOff>
          <xdr:row>71</xdr:row>
          <xdr:rowOff>47625</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69</xdr:row>
          <xdr:rowOff>142875</xdr:rowOff>
        </xdr:from>
        <xdr:to>
          <xdr:col>57</xdr:col>
          <xdr:colOff>95250</xdr:colOff>
          <xdr:row>71</xdr:row>
          <xdr:rowOff>28575</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8</xdr:row>
          <xdr:rowOff>152400</xdr:rowOff>
        </xdr:from>
        <xdr:to>
          <xdr:col>8</xdr:col>
          <xdr:colOff>104775</xdr:colOff>
          <xdr:row>70</xdr:row>
          <xdr:rowOff>38100</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5</xdr:row>
          <xdr:rowOff>152400</xdr:rowOff>
        </xdr:from>
        <xdr:to>
          <xdr:col>24</xdr:col>
          <xdr:colOff>104775</xdr:colOff>
          <xdr:row>67</xdr:row>
          <xdr:rowOff>19050</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33350</xdr:rowOff>
        </xdr:from>
        <xdr:to>
          <xdr:col>24</xdr:col>
          <xdr:colOff>104775</xdr:colOff>
          <xdr:row>68</xdr:row>
          <xdr:rowOff>19050</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7</xdr:row>
          <xdr:rowOff>133350</xdr:rowOff>
        </xdr:from>
        <xdr:to>
          <xdr:col>24</xdr:col>
          <xdr:colOff>114300</xdr:colOff>
          <xdr:row>69</xdr:row>
          <xdr:rowOff>19050</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8</xdr:row>
          <xdr:rowOff>142875</xdr:rowOff>
        </xdr:from>
        <xdr:to>
          <xdr:col>24</xdr:col>
          <xdr:colOff>104775</xdr:colOff>
          <xdr:row>70</xdr:row>
          <xdr:rowOff>28575</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0</xdr:row>
          <xdr:rowOff>142875</xdr:rowOff>
        </xdr:from>
        <xdr:to>
          <xdr:col>24</xdr:col>
          <xdr:colOff>95250</xdr:colOff>
          <xdr:row>72</xdr:row>
          <xdr:rowOff>28575</xdr:rowOff>
        </xdr:to>
        <xdr:sp macro="" textlink="">
          <xdr:nvSpPr>
            <xdr:cNvPr id="1114" name="Check Box 90" hidden="1">
              <a:extLst>
                <a:ext uri="{63B3BB69-23CF-44E3-9099-C40C66FF867C}">
                  <a14:compatExt spid="_x0000_s1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1115" name="Check Box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0</xdr:row>
          <xdr:rowOff>9525</xdr:rowOff>
        </xdr:from>
        <xdr:to>
          <xdr:col>8</xdr:col>
          <xdr:colOff>104775</xdr:colOff>
          <xdr:row>81</xdr:row>
          <xdr:rowOff>47625</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3</xdr:row>
          <xdr:rowOff>133350</xdr:rowOff>
        </xdr:from>
        <xdr:to>
          <xdr:col>8</xdr:col>
          <xdr:colOff>104775</xdr:colOff>
          <xdr:row>85</xdr:row>
          <xdr:rowOff>4762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61925</xdr:rowOff>
        </xdr:from>
        <xdr:to>
          <xdr:col>8</xdr:col>
          <xdr:colOff>104775</xdr:colOff>
          <xdr:row>86</xdr:row>
          <xdr:rowOff>28575</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0</xdr:row>
          <xdr:rowOff>161925</xdr:rowOff>
        </xdr:from>
        <xdr:to>
          <xdr:col>57</xdr:col>
          <xdr:colOff>104775</xdr:colOff>
          <xdr:row>82</xdr:row>
          <xdr:rowOff>28575</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0</xdr:row>
          <xdr:rowOff>0</xdr:rowOff>
        </xdr:from>
        <xdr:to>
          <xdr:col>24</xdr:col>
          <xdr:colOff>104775</xdr:colOff>
          <xdr:row>81</xdr:row>
          <xdr:rowOff>38100</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6</xdr:row>
          <xdr:rowOff>152400</xdr:rowOff>
        </xdr:from>
        <xdr:to>
          <xdr:col>57</xdr:col>
          <xdr:colOff>95250</xdr:colOff>
          <xdr:row>58</xdr:row>
          <xdr:rowOff>38100</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3</xdr:row>
          <xdr:rowOff>171450</xdr:rowOff>
        </xdr:from>
        <xdr:to>
          <xdr:col>57</xdr:col>
          <xdr:colOff>104775</xdr:colOff>
          <xdr:row>45</xdr:row>
          <xdr:rowOff>3810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0</xdr:row>
          <xdr:rowOff>133350</xdr:rowOff>
        </xdr:from>
        <xdr:to>
          <xdr:col>25</xdr:col>
          <xdr:colOff>114300</xdr:colOff>
          <xdr:row>82</xdr:row>
          <xdr:rowOff>28575</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0</xdr:row>
          <xdr:rowOff>142875</xdr:rowOff>
        </xdr:from>
        <xdr:to>
          <xdr:col>30</xdr:col>
          <xdr:colOff>114300</xdr:colOff>
          <xdr:row>82</xdr:row>
          <xdr:rowOff>3810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1</xdr:row>
          <xdr:rowOff>142875</xdr:rowOff>
        </xdr:from>
        <xdr:to>
          <xdr:col>24</xdr:col>
          <xdr:colOff>95250</xdr:colOff>
          <xdr:row>83</xdr:row>
          <xdr:rowOff>38100</xdr:rowOff>
        </xdr:to>
        <xdr:sp macro="" textlink="">
          <xdr:nvSpPr>
            <xdr:cNvPr id="1128" name="Check Box 104" hidden="1">
              <a:extLst>
                <a:ext uri="{63B3BB69-23CF-44E3-9099-C40C66FF867C}">
                  <a14:compatExt spid="_x0000_s1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2</xdr:row>
          <xdr:rowOff>133350</xdr:rowOff>
        </xdr:from>
        <xdr:to>
          <xdr:col>30</xdr:col>
          <xdr:colOff>104775</xdr:colOff>
          <xdr:row>84</xdr:row>
          <xdr:rowOff>28575</xdr:rowOff>
        </xdr:to>
        <xdr:sp macro="" textlink="">
          <xdr:nvSpPr>
            <xdr:cNvPr id="1129"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2</xdr:row>
          <xdr:rowOff>133350</xdr:rowOff>
        </xdr:from>
        <xdr:to>
          <xdr:col>25</xdr:col>
          <xdr:colOff>95250</xdr:colOff>
          <xdr:row>84</xdr:row>
          <xdr:rowOff>28575</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4</xdr:row>
          <xdr:rowOff>133350</xdr:rowOff>
        </xdr:from>
        <xdr:to>
          <xdr:col>24</xdr:col>
          <xdr:colOff>95250</xdr:colOff>
          <xdr:row>86</xdr:row>
          <xdr:rowOff>28575</xdr:rowOff>
        </xdr:to>
        <xdr:sp macro="" textlink="">
          <xdr:nvSpPr>
            <xdr:cNvPr id="1131" name="Check Box 107" hidden="1">
              <a:extLst>
                <a:ext uri="{63B3BB69-23CF-44E3-9099-C40C66FF867C}">
                  <a14:compatExt spid="_x0000_s1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5</xdr:row>
          <xdr:rowOff>142875</xdr:rowOff>
        </xdr:from>
        <xdr:to>
          <xdr:col>29</xdr:col>
          <xdr:colOff>85725</xdr:colOff>
          <xdr:row>87</xdr:row>
          <xdr:rowOff>38100</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5</xdr:row>
          <xdr:rowOff>133350</xdr:rowOff>
        </xdr:from>
        <xdr:to>
          <xdr:col>25</xdr:col>
          <xdr:colOff>95250</xdr:colOff>
          <xdr:row>87</xdr:row>
          <xdr:rowOff>28575</xdr:rowOff>
        </xdr:to>
        <xdr:sp macro="" textlink="">
          <xdr:nvSpPr>
            <xdr:cNvPr id="1133"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5</xdr:row>
          <xdr:rowOff>123825</xdr:rowOff>
        </xdr:from>
        <xdr:to>
          <xdr:col>33</xdr:col>
          <xdr:colOff>95250</xdr:colOff>
          <xdr:row>87</xdr:row>
          <xdr:rowOff>19050</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5</xdr:row>
          <xdr:rowOff>133350</xdr:rowOff>
        </xdr:from>
        <xdr:to>
          <xdr:col>37</xdr:col>
          <xdr:colOff>104775</xdr:colOff>
          <xdr:row>87</xdr:row>
          <xdr:rowOff>28575</xdr:rowOff>
        </xdr:to>
        <xdr:sp macro="" textlink="">
          <xdr:nvSpPr>
            <xdr:cNvPr id="1135"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5</xdr:row>
          <xdr:rowOff>133350</xdr:rowOff>
        </xdr:from>
        <xdr:to>
          <xdr:col>41</xdr:col>
          <xdr:colOff>95250</xdr:colOff>
          <xdr:row>87</xdr:row>
          <xdr:rowOff>28575</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6</xdr:row>
          <xdr:rowOff>142875</xdr:rowOff>
        </xdr:from>
        <xdr:to>
          <xdr:col>24</xdr:col>
          <xdr:colOff>104775</xdr:colOff>
          <xdr:row>88</xdr:row>
          <xdr:rowOff>9525</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7</xdr:row>
          <xdr:rowOff>133350</xdr:rowOff>
        </xdr:from>
        <xdr:to>
          <xdr:col>25</xdr:col>
          <xdr:colOff>95250</xdr:colOff>
          <xdr:row>89</xdr:row>
          <xdr:rowOff>28575</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23825</xdr:rowOff>
        </xdr:from>
        <xdr:to>
          <xdr:col>25</xdr:col>
          <xdr:colOff>95250</xdr:colOff>
          <xdr:row>90</xdr:row>
          <xdr:rowOff>19050</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7</xdr:row>
          <xdr:rowOff>142875</xdr:rowOff>
        </xdr:from>
        <xdr:to>
          <xdr:col>39</xdr:col>
          <xdr:colOff>95250</xdr:colOff>
          <xdr:row>89</xdr:row>
          <xdr:rowOff>38100</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7</xdr:row>
          <xdr:rowOff>161925</xdr:rowOff>
        </xdr:from>
        <xdr:to>
          <xdr:col>57</xdr:col>
          <xdr:colOff>95250</xdr:colOff>
          <xdr:row>89</xdr:row>
          <xdr:rowOff>28575</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8</xdr:row>
          <xdr:rowOff>152400</xdr:rowOff>
        </xdr:from>
        <xdr:to>
          <xdr:col>57</xdr:col>
          <xdr:colOff>104775</xdr:colOff>
          <xdr:row>90</xdr:row>
          <xdr:rowOff>1905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0</xdr:row>
          <xdr:rowOff>142875</xdr:rowOff>
        </xdr:from>
        <xdr:to>
          <xdr:col>57</xdr:col>
          <xdr:colOff>104775</xdr:colOff>
          <xdr:row>92</xdr:row>
          <xdr:rowOff>38100</xdr:rowOff>
        </xdr:to>
        <xdr:sp macro="" textlink="">
          <xdr:nvSpPr>
            <xdr:cNvPr id="1143" name="Check Box 119" hidden="1">
              <a:extLst>
                <a:ext uri="{63B3BB69-23CF-44E3-9099-C40C66FF867C}">
                  <a14:compatExt spid="_x0000_s1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9</xdr:row>
          <xdr:rowOff>142875</xdr:rowOff>
        </xdr:from>
        <xdr:to>
          <xdr:col>24</xdr:col>
          <xdr:colOff>95250</xdr:colOff>
          <xdr:row>91</xdr:row>
          <xdr:rowOff>38100</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0</xdr:row>
          <xdr:rowOff>142875</xdr:rowOff>
        </xdr:from>
        <xdr:to>
          <xdr:col>30</xdr:col>
          <xdr:colOff>76200</xdr:colOff>
          <xdr:row>92</xdr:row>
          <xdr:rowOff>38100</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0</xdr:row>
          <xdr:rowOff>133350</xdr:rowOff>
        </xdr:from>
        <xdr:to>
          <xdr:col>34</xdr:col>
          <xdr:colOff>104775</xdr:colOff>
          <xdr:row>92</xdr:row>
          <xdr:rowOff>28575</xdr:rowOff>
        </xdr:to>
        <xdr:sp macro="" textlink="">
          <xdr:nvSpPr>
            <xdr:cNvPr id="1146" name="Check Box 122" hidden="1">
              <a:extLst>
                <a:ext uri="{63B3BB69-23CF-44E3-9099-C40C66FF867C}">
                  <a14:compatExt spid="_x0000_s1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0</xdr:row>
          <xdr:rowOff>161925</xdr:rowOff>
        </xdr:from>
        <xdr:to>
          <xdr:col>39</xdr:col>
          <xdr:colOff>114300</xdr:colOff>
          <xdr:row>92</xdr:row>
          <xdr:rowOff>28575</xdr:rowOff>
        </xdr:to>
        <xdr:sp macro="" textlink="">
          <xdr:nvSpPr>
            <xdr:cNvPr id="1147" name="Check Box 123" hidden="1">
              <a:extLst>
                <a:ext uri="{63B3BB69-23CF-44E3-9099-C40C66FF867C}">
                  <a14:compatExt spid="_x0000_s1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0</xdr:row>
          <xdr:rowOff>142875</xdr:rowOff>
        </xdr:from>
        <xdr:to>
          <xdr:col>44</xdr:col>
          <xdr:colOff>104775</xdr:colOff>
          <xdr:row>92</xdr:row>
          <xdr:rowOff>3810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0</xdr:row>
          <xdr:rowOff>142875</xdr:rowOff>
        </xdr:from>
        <xdr:to>
          <xdr:col>25</xdr:col>
          <xdr:colOff>104775</xdr:colOff>
          <xdr:row>92</xdr:row>
          <xdr:rowOff>38100</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1</xdr:row>
          <xdr:rowOff>133350</xdr:rowOff>
        </xdr:from>
        <xdr:to>
          <xdr:col>24</xdr:col>
          <xdr:colOff>104775</xdr:colOff>
          <xdr:row>93</xdr:row>
          <xdr:rowOff>28575</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1</xdr:row>
          <xdr:rowOff>142875</xdr:rowOff>
        </xdr:from>
        <xdr:to>
          <xdr:col>8</xdr:col>
          <xdr:colOff>104775</xdr:colOff>
          <xdr:row>93</xdr:row>
          <xdr:rowOff>3810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42875</xdr:rowOff>
        </xdr:from>
        <xdr:to>
          <xdr:col>24</xdr:col>
          <xdr:colOff>104775</xdr:colOff>
          <xdr:row>94</xdr:row>
          <xdr:rowOff>3810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9</xdr:row>
          <xdr:rowOff>142875</xdr:rowOff>
        </xdr:from>
        <xdr:to>
          <xdr:col>8</xdr:col>
          <xdr:colOff>104775</xdr:colOff>
          <xdr:row>101</xdr:row>
          <xdr:rowOff>3810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5</xdr:row>
          <xdr:rowOff>133350</xdr:rowOff>
        </xdr:from>
        <xdr:to>
          <xdr:col>24</xdr:col>
          <xdr:colOff>95250</xdr:colOff>
          <xdr:row>97</xdr:row>
          <xdr:rowOff>28575</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7</xdr:row>
          <xdr:rowOff>152400</xdr:rowOff>
        </xdr:from>
        <xdr:to>
          <xdr:col>24</xdr:col>
          <xdr:colOff>104775</xdr:colOff>
          <xdr:row>99</xdr:row>
          <xdr:rowOff>47625</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6</xdr:row>
          <xdr:rowOff>152400</xdr:rowOff>
        </xdr:from>
        <xdr:to>
          <xdr:col>25</xdr:col>
          <xdr:colOff>104775</xdr:colOff>
          <xdr:row>98</xdr:row>
          <xdr:rowOff>19050</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6</xdr:row>
          <xdr:rowOff>152400</xdr:rowOff>
        </xdr:from>
        <xdr:to>
          <xdr:col>29</xdr:col>
          <xdr:colOff>95250</xdr:colOff>
          <xdr:row>98</xdr:row>
          <xdr:rowOff>47625</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6</xdr:row>
          <xdr:rowOff>133350</xdr:rowOff>
        </xdr:from>
        <xdr:to>
          <xdr:col>33</xdr:col>
          <xdr:colOff>95250</xdr:colOff>
          <xdr:row>98</xdr:row>
          <xdr:rowOff>28575</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6</xdr:row>
          <xdr:rowOff>133350</xdr:rowOff>
        </xdr:from>
        <xdr:to>
          <xdr:col>37</xdr:col>
          <xdr:colOff>95250</xdr:colOff>
          <xdr:row>98</xdr:row>
          <xdr:rowOff>28575</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6</xdr:row>
          <xdr:rowOff>133350</xdr:rowOff>
        </xdr:from>
        <xdr:to>
          <xdr:col>41</xdr:col>
          <xdr:colOff>95250</xdr:colOff>
          <xdr:row>98</xdr:row>
          <xdr:rowOff>28575</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6</xdr:row>
          <xdr:rowOff>152400</xdr:rowOff>
        </xdr:from>
        <xdr:to>
          <xdr:col>45</xdr:col>
          <xdr:colOff>104775</xdr:colOff>
          <xdr:row>98</xdr:row>
          <xdr:rowOff>19050</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6</xdr:row>
          <xdr:rowOff>142875</xdr:rowOff>
        </xdr:from>
        <xdr:to>
          <xdr:col>49</xdr:col>
          <xdr:colOff>114300</xdr:colOff>
          <xdr:row>98</xdr:row>
          <xdr:rowOff>3810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7</xdr:row>
          <xdr:rowOff>142875</xdr:rowOff>
        </xdr:from>
        <xdr:to>
          <xdr:col>30</xdr:col>
          <xdr:colOff>114300</xdr:colOff>
          <xdr:row>99</xdr:row>
          <xdr:rowOff>38100</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7</xdr:row>
          <xdr:rowOff>152400</xdr:rowOff>
        </xdr:from>
        <xdr:to>
          <xdr:col>41</xdr:col>
          <xdr:colOff>104775</xdr:colOff>
          <xdr:row>99</xdr:row>
          <xdr:rowOff>47625</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6</xdr:row>
          <xdr:rowOff>9525</xdr:rowOff>
        </xdr:from>
        <xdr:to>
          <xdr:col>24</xdr:col>
          <xdr:colOff>95250</xdr:colOff>
          <xdr:row>107</xdr:row>
          <xdr:rowOff>4762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42875</xdr:rowOff>
        </xdr:from>
        <xdr:to>
          <xdr:col>25</xdr:col>
          <xdr:colOff>104775</xdr:colOff>
          <xdr:row>109</xdr:row>
          <xdr:rowOff>3810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6</xdr:row>
          <xdr:rowOff>142875</xdr:rowOff>
        </xdr:from>
        <xdr:to>
          <xdr:col>42</xdr:col>
          <xdr:colOff>104775</xdr:colOff>
          <xdr:row>108</xdr:row>
          <xdr:rowOff>38100</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09</xdr:row>
          <xdr:rowOff>142875</xdr:rowOff>
        </xdr:from>
        <xdr:to>
          <xdr:col>24</xdr:col>
          <xdr:colOff>104775</xdr:colOff>
          <xdr:row>111</xdr:row>
          <xdr:rowOff>38100</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3</xdr:row>
          <xdr:rowOff>142875</xdr:rowOff>
        </xdr:from>
        <xdr:to>
          <xdr:col>24</xdr:col>
          <xdr:colOff>104775</xdr:colOff>
          <xdr:row>115</xdr:row>
          <xdr:rowOff>38100</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7</xdr:row>
          <xdr:rowOff>0</xdr:rowOff>
        </xdr:from>
        <xdr:to>
          <xdr:col>24</xdr:col>
          <xdr:colOff>104775</xdr:colOff>
          <xdr:row>118</xdr:row>
          <xdr:rowOff>3810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7</xdr:row>
          <xdr:rowOff>142875</xdr:rowOff>
        </xdr:from>
        <xdr:to>
          <xdr:col>31</xdr:col>
          <xdr:colOff>104775</xdr:colOff>
          <xdr:row>119</xdr:row>
          <xdr:rowOff>38100</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7</xdr:row>
          <xdr:rowOff>142875</xdr:rowOff>
        </xdr:from>
        <xdr:to>
          <xdr:col>38</xdr:col>
          <xdr:colOff>104775</xdr:colOff>
          <xdr:row>119</xdr:row>
          <xdr:rowOff>38100</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7</xdr:row>
          <xdr:rowOff>142875</xdr:rowOff>
        </xdr:from>
        <xdr:to>
          <xdr:col>47</xdr:col>
          <xdr:colOff>104775</xdr:colOff>
          <xdr:row>119</xdr:row>
          <xdr:rowOff>3810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7</xdr:row>
          <xdr:rowOff>161925</xdr:rowOff>
        </xdr:from>
        <xdr:to>
          <xdr:col>25</xdr:col>
          <xdr:colOff>114300</xdr:colOff>
          <xdr:row>119</xdr:row>
          <xdr:rowOff>28575</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142875</xdr:rowOff>
        </xdr:from>
        <xdr:to>
          <xdr:col>24</xdr:col>
          <xdr:colOff>104775</xdr:colOff>
          <xdr:row>120</xdr:row>
          <xdr:rowOff>381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9</xdr:row>
          <xdr:rowOff>142875</xdr:rowOff>
        </xdr:from>
        <xdr:to>
          <xdr:col>31</xdr:col>
          <xdr:colOff>104775</xdr:colOff>
          <xdr:row>121</xdr:row>
          <xdr:rowOff>38100</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19</xdr:row>
          <xdr:rowOff>142875</xdr:rowOff>
        </xdr:from>
        <xdr:to>
          <xdr:col>57</xdr:col>
          <xdr:colOff>104775</xdr:colOff>
          <xdr:row>121</xdr:row>
          <xdr:rowOff>38100</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19</xdr:row>
          <xdr:rowOff>142875</xdr:rowOff>
        </xdr:from>
        <xdr:to>
          <xdr:col>25</xdr:col>
          <xdr:colOff>104775</xdr:colOff>
          <xdr:row>121</xdr:row>
          <xdr:rowOff>38100</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5</xdr:row>
          <xdr:rowOff>142875</xdr:rowOff>
        </xdr:from>
        <xdr:to>
          <xdr:col>8</xdr:col>
          <xdr:colOff>104775</xdr:colOff>
          <xdr:row>127</xdr:row>
          <xdr:rowOff>3810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0</xdr:row>
          <xdr:rowOff>142875</xdr:rowOff>
        </xdr:from>
        <xdr:to>
          <xdr:col>8</xdr:col>
          <xdr:colOff>104775</xdr:colOff>
          <xdr:row>122</xdr:row>
          <xdr:rowOff>38100</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7</xdr:row>
          <xdr:rowOff>0</xdr:rowOff>
        </xdr:from>
        <xdr:to>
          <xdr:col>8</xdr:col>
          <xdr:colOff>104775</xdr:colOff>
          <xdr:row>118</xdr:row>
          <xdr:rowOff>3810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0</xdr:row>
          <xdr:rowOff>142875</xdr:rowOff>
        </xdr:from>
        <xdr:to>
          <xdr:col>24</xdr:col>
          <xdr:colOff>104775</xdr:colOff>
          <xdr:row>122</xdr:row>
          <xdr:rowOff>3810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2</xdr:row>
          <xdr:rowOff>161925</xdr:rowOff>
        </xdr:from>
        <xdr:to>
          <xdr:col>24</xdr:col>
          <xdr:colOff>114300</xdr:colOff>
          <xdr:row>124</xdr:row>
          <xdr:rowOff>28575</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5</xdr:row>
          <xdr:rowOff>142875</xdr:rowOff>
        </xdr:from>
        <xdr:to>
          <xdr:col>24</xdr:col>
          <xdr:colOff>104775</xdr:colOff>
          <xdr:row>127</xdr:row>
          <xdr:rowOff>3810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8</xdr:row>
          <xdr:rowOff>142875</xdr:rowOff>
        </xdr:from>
        <xdr:to>
          <xdr:col>24</xdr:col>
          <xdr:colOff>104775</xdr:colOff>
          <xdr:row>130</xdr:row>
          <xdr:rowOff>38100</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8</xdr:row>
          <xdr:rowOff>142875</xdr:rowOff>
        </xdr:from>
        <xdr:to>
          <xdr:col>8</xdr:col>
          <xdr:colOff>104775</xdr:colOff>
          <xdr:row>130</xdr:row>
          <xdr:rowOff>38100</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0</xdr:row>
          <xdr:rowOff>142875</xdr:rowOff>
        </xdr:from>
        <xdr:to>
          <xdr:col>24</xdr:col>
          <xdr:colOff>104775</xdr:colOff>
          <xdr:row>132</xdr:row>
          <xdr:rowOff>381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8</xdr:row>
          <xdr:rowOff>142875</xdr:rowOff>
        </xdr:from>
        <xdr:to>
          <xdr:col>24</xdr:col>
          <xdr:colOff>114300</xdr:colOff>
          <xdr:row>100</xdr:row>
          <xdr:rowOff>38100</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1209" name="Check Box 185" hidden="1">
              <a:extLst>
                <a:ext uri="{63B3BB69-23CF-44E3-9099-C40C66FF867C}">
                  <a14:compatExt spid="_x0000_s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1</xdr:row>
          <xdr:rowOff>142875</xdr:rowOff>
        </xdr:from>
        <xdr:to>
          <xdr:col>24</xdr:col>
          <xdr:colOff>114300</xdr:colOff>
          <xdr:row>103</xdr:row>
          <xdr:rowOff>38100</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6</xdr:row>
          <xdr:rowOff>152400</xdr:rowOff>
        </xdr:from>
        <xdr:to>
          <xdr:col>25</xdr:col>
          <xdr:colOff>104775</xdr:colOff>
          <xdr:row>108</xdr:row>
          <xdr:rowOff>19050</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1218" name="Check Box 194" hidden="1">
              <a:extLst>
                <a:ext uri="{63B3BB69-23CF-44E3-9099-C40C66FF867C}">
                  <a14:compatExt spid="_x0000_s1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1221" name="Check Box 197" hidden="1">
              <a:extLst>
                <a:ext uri="{63B3BB69-23CF-44E3-9099-C40C66FF867C}">
                  <a14:compatExt spid="_x0000_s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5</xdr:row>
          <xdr:rowOff>152400</xdr:rowOff>
        </xdr:from>
        <xdr:to>
          <xdr:col>8</xdr:col>
          <xdr:colOff>104775</xdr:colOff>
          <xdr:row>17</xdr:row>
          <xdr:rowOff>19050</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8</xdr:row>
          <xdr:rowOff>152400</xdr:rowOff>
        </xdr:from>
        <xdr:to>
          <xdr:col>8</xdr:col>
          <xdr:colOff>104775</xdr:colOff>
          <xdr:row>20</xdr:row>
          <xdr:rowOff>19050</xdr:rowOff>
        </xdr:to>
        <xdr:sp macro="" textlink="">
          <xdr:nvSpPr>
            <xdr:cNvPr id="1223" name="Check Box 199" hidden="1">
              <a:extLst>
                <a:ext uri="{63B3BB69-23CF-44E3-9099-C40C66FF867C}">
                  <a14:compatExt spid="_x0000_s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0</xdr:row>
          <xdr:rowOff>152400</xdr:rowOff>
        </xdr:from>
        <xdr:to>
          <xdr:col>8</xdr:col>
          <xdr:colOff>104775</xdr:colOff>
          <xdr:row>22</xdr:row>
          <xdr:rowOff>19050</xdr:rowOff>
        </xdr:to>
        <xdr:sp macro="" textlink="">
          <xdr:nvSpPr>
            <xdr:cNvPr id="1224" name="Check Box 200" hidden="1">
              <a:extLst>
                <a:ext uri="{63B3BB69-23CF-44E3-9099-C40C66FF867C}">
                  <a14:compatExt spid="_x0000_s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1</xdr:row>
          <xdr:rowOff>152400</xdr:rowOff>
        </xdr:from>
        <xdr:to>
          <xdr:col>8</xdr:col>
          <xdr:colOff>104775</xdr:colOff>
          <xdr:row>23</xdr:row>
          <xdr:rowOff>19050</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3</xdr:row>
          <xdr:rowOff>152400</xdr:rowOff>
        </xdr:from>
        <xdr:to>
          <xdr:col>8</xdr:col>
          <xdr:colOff>104775</xdr:colOff>
          <xdr:row>25</xdr:row>
          <xdr:rowOff>19050</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5</xdr:row>
          <xdr:rowOff>152400</xdr:rowOff>
        </xdr:from>
        <xdr:to>
          <xdr:col>8</xdr:col>
          <xdr:colOff>104775</xdr:colOff>
          <xdr:row>27</xdr:row>
          <xdr:rowOff>1905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9</xdr:row>
          <xdr:rowOff>152400</xdr:rowOff>
        </xdr:from>
        <xdr:to>
          <xdr:col>8</xdr:col>
          <xdr:colOff>104775</xdr:colOff>
          <xdr:row>31</xdr:row>
          <xdr:rowOff>19050</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xdr:row>
          <xdr:rowOff>152400</xdr:rowOff>
        </xdr:from>
        <xdr:to>
          <xdr:col>8</xdr:col>
          <xdr:colOff>104775</xdr:colOff>
          <xdr:row>10</xdr:row>
          <xdr:rowOff>19050</xdr:rowOff>
        </xdr:to>
        <xdr:sp macro="" textlink="">
          <xdr:nvSpPr>
            <xdr:cNvPr id="1229" name="Check Box 205" hidden="1">
              <a:extLst>
                <a:ext uri="{63B3BB69-23CF-44E3-9099-C40C66FF867C}">
                  <a14:compatExt spid="_x0000_s1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5</xdr:row>
          <xdr:rowOff>161925</xdr:rowOff>
        </xdr:from>
        <xdr:to>
          <xdr:col>24</xdr:col>
          <xdr:colOff>114300</xdr:colOff>
          <xdr:row>7</xdr:row>
          <xdr:rowOff>28575</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0</xdr:row>
          <xdr:rowOff>152400</xdr:rowOff>
        </xdr:from>
        <xdr:to>
          <xdr:col>24</xdr:col>
          <xdr:colOff>104775</xdr:colOff>
          <xdr:row>52</xdr:row>
          <xdr:rowOff>38100</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1232" name="Check Box 208" hidden="1">
              <a:extLst>
                <a:ext uri="{63B3BB69-23CF-44E3-9099-C40C66FF867C}">
                  <a14:compatExt spid="_x0000_s1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9</xdr:row>
          <xdr:rowOff>152400</xdr:rowOff>
        </xdr:from>
        <xdr:to>
          <xdr:col>24</xdr:col>
          <xdr:colOff>104775</xdr:colOff>
          <xdr:row>61</xdr:row>
          <xdr:rowOff>38100</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5</xdr:row>
          <xdr:rowOff>133350</xdr:rowOff>
        </xdr:from>
        <xdr:to>
          <xdr:col>8</xdr:col>
          <xdr:colOff>104775</xdr:colOff>
          <xdr:row>97</xdr:row>
          <xdr:rowOff>47625</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1</xdr:row>
          <xdr:rowOff>133350</xdr:rowOff>
        </xdr:from>
        <xdr:to>
          <xdr:col>8</xdr:col>
          <xdr:colOff>104775</xdr:colOff>
          <xdr:row>103</xdr:row>
          <xdr:rowOff>47625</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0</xdr:row>
          <xdr:rowOff>161925</xdr:rowOff>
        </xdr:from>
        <xdr:to>
          <xdr:col>8</xdr:col>
          <xdr:colOff>104775</xdr:colOff>
          <xdr:row>2</xdr:row>
          <xdr:rowOff>28575</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xdr:row>
          <xdr:rowOff>161925</xdr:rowOff>
        </xdr:from>
        <xdr:to>
          <xdr:col>8</xdr:col>
          <xdr:colOff>104775</xdr:colOff>
          <xdr:row>3</xdr:row>
          <xdr:rowOff>28575</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1241" name="Check Box 217" hidden="1">
              <a:extLst>
                <a:ext uri="{63B3BB69-23CF-44E3-9099-C40C66FF867C}">
                  <a14:compatExt spid="_x0000_s1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1242" name="Check Box 218" hidden="1">
              <a:extLst>
                <a:ext uri="{63B3BB69-23CF-44E3-9099-C40C66FF867C}">
                  <a14:compatExt spid="_x0000_s1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5</xdr:row>
          <xdr:rowOff>142875</xdr:rowOff>
        </xdr:from>
        <xdr:to>
          <xdr:col>8</xdr:col>
          <xdr:colOff>104775</xdr:colOff>
          <xdr:row>107</xdr:row>
          <xdr:rowOff>38100</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9</xdr:row>
          <xdr:rowOff>142875</xdr:rowOff>
        </xdr:from>
        <xdr:to>
          <xdr:col>8</xdr:col>
          <xdr:colOff>104775</xdr:colOff>
          <xdr:row>111</xdr:row>
          <xdr:rowOff>38100</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1</xdr:row>
          <xdr:rowOff>142875</xdr:rowOff>
        </xdr:from>
        <xdr:to>
          <xdr:col>8</xdr:col>
          <xdr:colOff>104775</xdr:colOff>
          <xdr:row>113</xdr:row>
          <xdr:rowOff>38100</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3</xdr:row>
          <xdr:rowOff>9525</xdr:rowOff>
        </xdr:from>
        <xdr:to>
          <xdr:col>8</xdr:col>
          <xdr:colOff>104775</xdr:colOff>
          <xdr:row>44</xdr:row>
          <xdr:rowOff>47625</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1252" name="Check Box 228" hidden="1">
              <a:extLst>
                <a:ext uri="{63B3BB69-23CF-44E3-9099-C40C66FF867C}">
                  <a14:compatExt spid="_x0000_s1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1257" name="Check Box 233" hidden="1">
              <a:extLst>
                <a:ext uri="{63B3BB69-23CF-44E3-9099-C40C66FF867C}">
                  <a14:compatExt spid="_x0000_s1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237" name="Text Box 238"/>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1260" name="Check Box 236" hidden="1">
              <a:extLst>
                <a:ext uri="{63B3BB69-23CF-44E3-9099-C40C66FF867C}">
                  <a14:compatExt spid="_x0000_s1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1261" name="Check Box 237" hidden="1">
              <a:extLst>
                <a:ext uri="{63B3BB69-23CF-44E3-9099-C40C66FF867C}">
                  <a14:compatExt spid="_x0000_s1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1263" name="Check Box 239" hidden="1">
              <a:extLst>
                <a:ext uri="{63B3BB69-23CF-44E3-9099-C40C66FF867C}">
                  <a14:compatExt spid="_x0000_s1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1266" name="Check Box 242" hidden="1">
              <a:extLst>
                <a:ext uri="{63B3BB69-23CF-44E3-9099-C40C66FF867C}">
                  <a14:compatExt spid="_x0000_s1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1274" name="Check Box 250" hidden="1">
              <a:extLst>
                <a:ext uri="{63B3BB69-23CF-44E3-9099-C40C66FF867C}">
                  <a14:compatExt spid="_x0000_s1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1275" name="Check Box 251" hidden="1">
              <a:extLst>
                <a:ext uri="{63B3BB69-23CF-44E3-9099-C40C66FF867C}">
                  <a14:compatExt spid="_x0000_s1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1279" name="Check Box 255" hidden="1">
              <a:extLst>
                <a:ext uri="{63B3BB69-23CF-44E3-9099-C40C66FF867C}">
                  <a14:compatExt spid="_x0000_s1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1</xdr:row>
          <xdr:rowOff>152400</xdr:rowOff>
        </xdr:from>
        <xdr:to>
          <xdr:col>8</xdr:col>
          <xdr:colOff>104775</xdr:colOff>
          <xdr:row>33</xdr:row>
          <xdr:rowOff>3810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1282" name="Check Box 258" hidden="1">
              <a:extLst>
                <a:ext uri="{63B3BB69-23CF-44E3-9099-C40C66FF867C}">
                  <a14:compatExt spid="_x0000_s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1283" name="Check Box 259" hidden="1">
              <a:extLst>
                <a:ext uri="{63B3BB69-23CF-44E3-9099-C40C66FF867C}">
                  <a14:compatExt spid="_x0000_s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1285" name="Check Box 261" hidden="1">
              <a:extLst>
                <a:ext uri="{63B3BB69-23CF-44E3-9099-C40C66FF867C}">
                  <a14:compatExt spid="_x0000_s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1287" name="Check Box 263" hidden="1">
              <a:extLst>
                <a:ext uri="{63B3BB69-23CF-44E3-9099-C40C66FF867C}">
                  <a14:compatExt spid="_x0000_s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1288" name="Check Box 264" hidden="1">
              <a:extLst>
                <a:ext uri="{63B3BB69-23CF-44E3-9099-C40C66FF867C}">
                  <a14:compatExt spid="_x0000_s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1289" name="Check Box 265" hidden="1">
              <a:extLst>
                <a:ext uri="{63B3BB69-23CF-44E3-9099-C40C66FF867C}">
                  <a14:compatExt spid="_x0000_s1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1290" name="Check Box 266" hidden="1">
              <a:extLst>
                <a:ext uri="{63B3BB69-23CF-44E3-9099-C40C66FF867C}">
                  <a14:compatExt spid="_x0000_s1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1291" name="Check Box 267" hidden="1">
              <a:extLst>
                <a:ext uri="{63B3BB69-23CF-44E3-9099-C40C66FF867C}">
                  <a14:compatExt spid="_x0000_s1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1292" name="Check Box 268" hidden="1">
              <a:extLst>
                <a:ext uri="{63B3BB69-23CF-44E3-9099-C40C66FF867C}">
                  <a14:compatExt spid="_x0000_s1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1293" name="Check Box 269" hidden="1">
              <a:extLst>
                <a:ext uri="{63B3BB69-23CF-44E3-9099-C40C66FF867C}">
                  <a14:compatExt spid="_x0000_s1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1294" name="Check Box 270" hidden="1">
              <a:extLst>
                <a:ext uri="{63B3BB69-23CF-44E3-9099-C40C66FF867C}">
                  <a14:compatExt spid="_x0000_s1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1295" name="Check Box 271" hidden="1">
              <a:extLst>
                <a:ext uri="{63B3BB69-23CF-44E3-9099-C40C66FF867C}">
                  <a14:compatExt spid="_x0000_s1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1296" name="Check Box 272" hidden="1">
              <a:extLst>
                <a:ext uri="{63B3BB69-23CF-44E3-9099-C40C66FF867C}">
                  <a14:compatExt spid="_x0000_s1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1299" name="Check Box 275" hidden="1">
              <a:extLst>
                <a:ext uri="{63B3BB69-23CF-44E3-9099-C40C66FF867C}">
                  <a14:compatExt spid="_x0000_s1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1304" name="Check Box 280" hidden="1">
              <a:extLst>
                <a:ext uri="{63B3BB69-23CF-44E3-9099-C40C66FF867C}">
                  <a14:compatExt spid="_x0000_s1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1306" name="Check Box 282" hidden="1">
              <a:extLst>
                <a:ext uri="{63B3BB69-23CF-44E3-9099-C40C66FF867C}">
                  <a14:compatExt spid="_x0000_s1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1307" name="Check Box 283" hidden="1">
              <a:extLst>
                <a:ext uri="{63B3BB69-23CF-44E3-9099-C40C66FF867C}">
                  <a14:compatExt spid="_x0000_s1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3</xdr:row>
          <xdr:rowOff>9525</xdr:rowOff>
        </xdr:from>
        <xdr:to>
          <xdr:col>24</xdr:col>
          <xdr:colOff>104775</xdr:colOff>
          <xdr:row>44</xdr:row>
          <xdr:rowOff>28575</xdr:rowOff>
        </xdr:to>
        <xdr:sp macro="" textlink="">
          <xdr:nvSpPr>
            <xdr:cNvPr id="1308" name="Check Box 284" hidden="1">
              <a:extLst>
                <a:ext uri="{63B3BB69-23CF-44E3-9099-C40C66FF867C}">
                  <a14:compatExt spid="_x0000_s1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4</xdr:row>
          <xdr:rowOff>0</xdr:rowOff>
        </xdr:from>
        <xdr:to>
          <xdr:col>25</xdr:col>
          <xdr:colOff>95250</xdr:colOff>
          <xdr:row>45</xdr:row>
          <xdr:rowOff>38100</xdr:rowOff>
        </xdr:to>
        <xdr:sp macro="" textlink="">
          <xdr:nvSpPr>
            <xdr:cNvPr id="1309" name="Check Box 285" hidden="1">
              <a:extLst>
                <a:ext uri="{63B3BB69-23CF-44E3-9099-C40C66FF867C}">
                  <a14:compatExt spid="_x0000_s1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4</xdr:row>
          <xdr:rowOff>142875</xdr:rowOff>
        </xdr:from>
        <xdr:to>
          <xdr:col>24</xdr:col>
          <xdr:colOff>114300</xdr:colOff>
          <xdr:row>46</xdr:row>
          <xdr:rowOff>28575</xdr:rowOff>
        </xdr:to>
        <xdr:sp macro="" textlink="">
          <xdr:nvSpPr>
            <xdr:cNvPr id="1310" name="Check Box 286" hidden="1">
              <a:extLst>
                <a:ext uri="{63B3BB69-23CF-44E3-9099-C40C66FF867C}">
                  <a14:compatExt spid="_x0000_s1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5</xdr:row>
          <xdr:rowOff>152400</xdr:rowOff>
        </xdr:from>
        <xdr:to>
          <xdr:col>25</xdr:col>
          <xdr:colOff>114300</xdr:colOff>
          <xdr:row>47</xdr:row>
          <xdr:rowOff>38100</xdr:rowOff>
        </xdr:to>
        <xdr:sp macro="" textlink="">
          <xdr:nvSpPr>
            <xdr:cNvPr id="1311" name="Check Box 287" hidden="1">
              <a:extLst>
                <a:ext uri="{63B3BB69-23CF-44E3-9099-C40C66FF867C}">
                  <a14:compatExt spid="_x0000_s1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133350</xdr:rowOff>
        </xdr:from>
        <xdr:to>
          <xdr:col>31</xdr:col>
          <xdr:colOff>95250</xdr:colOff>
          <xdr:row>47</xdr:row>
          <xdr:rowOff>38100</xdr:rowOff>
        </xdr:to>
        <xdr:sp macro="" textlink="">
          <xdr:nvSpPr>
            <xdr:cNvPr id="1312" name="Check Box 288" hidden="1">
              <a:extLst>
                <a:ext uri="{63B3BB69-23CF-44E3-9099-C40C66FF867C}">
                  <a14:compatExt spid="_x0000_s1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3</xdr:row>
          <xdr:rowOff>171450</xdr:rowOff>
        </xdr:from>
        <xdr:to>
          <xdr:col>31</xdr:col>
          <xdr:colOff>95250</xdr:colOff>
          <xdr:row>45</xdr:row>
          <xdr:rowOff>38100</xdr:rowOff>
        </xdr:to>
        <xdr:sp macro="" textlink="">
          <xdr:nvSpPr>
            <xdr:cNvPr id="1313" name="Check Box 289" hidden="1">
              <a:extLst>
                <a:ext uri="{63B3BB69-23CF-44E3-9099-C40C66FF867C}">
                  <a14:compatExt spid="_x0000_s1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5</xdr:row>
          <xdr:rowOff>142875</xdr:rowOff>
        </xdr:from>
        <xdr:to>
          <xdr:col>51</xdr:col>
          <xdr:colOff>104775</xdr:colOff>
          <xdr:row>47</xdr:row>
          <xdr:rowOff>28575</xdr:rowOff>
        </xdr:to>
        <xdr:sp macro="" textlink="">
          <xdr:nvSpPr>
            <xdr:cNvPr id="1314" name="Check Box 290" hidden="1">
              <a:extLst>
                <a:ext uri="{63B3BB69-23CF-44E3-9099-C40C66FF867C}">
                  <a14:compatExt spid="_x0000_s1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5</xdr:row>
          <xdr:rowOff>152400</xdr:rowOff>
        </xdr:from>
        <xdr:to>
          <xdr:col>56</xdr:col>
          <xdr:colOff>95250</xdr:colOff>
          <xdr:row>47</xdr:row>
          <xdr:rowOff>38100</xdr:rowOff>
        </xdr:to>
        <xdr:sp macro="" textlink="">
          <xdr:nvSpPr>
            <xdr:cNvPr id="1315" name="Check Box 291" hidden="1">
              <a:extLst>
                <a:ext uri="{63B3BB69-23CF-44E3-9099-C40C66FF867C}">
                  <a14:compatExt spid="_x0000_s1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42875</xdr:rowOff>
        </xdr:from>
        <xdr:to>
          <xdr:col>25</xdr:col>
          <xdr:colOff>114300</xdr:colOff>
          <xdr:row>48</xdr:row>
          <xdr:rowOff>28575</xdr:rowOff>
        </xdr:to>
        <xdr:sp macro="" textlink="">
          <xdr:nvSpPr>
            <xdr:cNvPr id="1316" name="Check Box 292" hidden="1">
              <a:extLst>
                <a:ext uri="{63B3BB69-23CF-44E3-9099-C40C66FF867C}">
                  <a14:compatExt spid="_x0000_s1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1317" name="Check Box 293" hidden="1">
              <a:extLst>
                <a:ext uri="{63B3BB69-23CF-44E3-9099-C40C66FF867C}">
                  <a14:compatExt spid="_x0000_s1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0</xdr:row>
          <xdr:rowOff>142875</xdr:rowOff>
        </xdr:from>
        <xdr:to>
          <xdr:col>8</xdr:col>
          <xdr:colOff>104775</xdr:colOff>
          <xdr:row>52</xdr:row>
          <xdr:rowOff>28575</xdr:rowOff>
        </xdr:to>
        <xdr:sp macro="" textlink="">
          <xdr:nvSpPr>
            <xdr:cNvPr id="1318" name="Check Box 294" hidden="1">
              <a:extLst>
                <a:ext uri="{63B3BB69-23CF-44E3-9099-C40C66FF867C}">
                  <a14:compatExt spid="_x0000_s1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2</xdr:row>
          <xdr:rowOff>133350</xdr:rowOff>
        </xdr:from>
        <xdr:to>
          <xdr:col>33</xdr:col>
          <xdr:colOff>104775</xdr:colOff>
          <xdr:row>54</xdr:row>
          <xdr:rowOff>19050</xdr:rowOff>
        </xdr:to>
        <xdr:sp macro="" textlink="">
          <xdr:nvSpPr>
            <xdr:cNvPr id="1319" name="Check Box 295" hidden="1">
              <a:extLst>
                <a:ext uri="{63B3BB69-23CF-44E3-9099-C40C66FF867C}">
                  <a14:compatExt spid="_x0000_s1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2</xdr:row>
          <xdr:rowOff>142875</xdr:rowOff>
        </xdr:from>
        <xdr:to>
          <xdr:col>37</xdr:col>
          <xdr:colOff>95250</xdr:colOff>
          <xdr:row>54</xdr:row>
          <xdr:rowOff>28575</xdr:rowOff>
        </xdr:to>
        <xdr:sp macro="" textlink="">
          <xdr:nvSpPr>
            <xdr:cNvPr id="1320" name="Check Box 296" hidden="1">
              <a:extLst>
                <a:ext uri="{63B3BB69-23CF-44E3-9099-C40C66FF867C}">
                  <a14:compatExt spid="_x0000_s13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2</xdr:row>
          <xdr:rowOff>142875</xdr:rowOff>
        </xdr:from>
        <xdr:to>
          <xdr:col>41</xdr:col>
          <xdr:colOff>104775</xdr:colOff>
          <xdr:row>54</xdr:row>
          <xdr:rowOff>28575</xdr:rowOff>
        </xdr:to>
        <xdr:sp macro="" textlink="">
          <xdr:nvSpPr>
            <xdr:cNvPr id="1321" name="Check Box 297" hidden="1">
              <a:extLst>
                <a:ext uri="{63B3BB69-23CF-44E3-9099-C40C66FF867C}">
                  <a14:compatExt spid="_x0000_s1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2</xdr:row>
          <xdr:rowOff>142875</xdr:rowOff>
        </xdr:from>
        <xdr:to>
          <xdr:col>45</xdr:col>
          <xdr:colOff>114300</xdr:colOff>
          <xdr:row>54</xdr:row>
          <xdr:rowOff>28575</xdr:rowOff>
        </xdr:to>
        <xdr:sp macro="" textlink="">
          <xdr:nvSpPr>
            <xdr:cNvPr id="1322" name="Check Box 298" hidden="1">
              <a:extLst>
                <a:ext uri="{63B3BB69-23CF-44E3-9099-C40C66FF867C}">
                  <a14:compatExt spid="_x0000_s1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2</xdr:row>
          <xdr:rowOff>152400</xdr:rowOff>
        </xdr:from>
        <xdr:to>
          <xdr:col>49</xdr:col>
          <xdr:colOff>85725</xdr:colOff>
          <xdr:row>54</xdr:row>
          <xdr:rowOff>38100</xdr:rowOff>
        </xdr:to>
        <xdr:sp macro="" textlink="">
          <xdr:nvSpPr>
            <xdr:cNvPr id="1323" name="Check Box 299" hidden="1">
              <a:extLst>
                <a:ext uri="{63B3BB69-23CF-44E3-9099-C40C66FF867C}">
                  <a14:compatExt spid="_x0000_s13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2</xdr:row>
          <xdr:rowOff>142875</xdr:rowOff>
        </xdr:from>
        <xdr:to>
          <xdr:col>53</xdr:col>
          <xdr:colOff>104775</xdr:colOff>
          <xdr:row>54</xdr:row>
          <xdr:rowOff>28575</xdr:rowOff>
        </xdr:to>
        <xdr:sp macro="" textlink="">
          <xdr:nvSpPr>
            <xdr:cNvPr id="1324" name="Check Box 300" hidden="1">
              <a:extLst>
                <a:ext uri="{63B3BB69-23CF-44E3-9099-C40C66FF867C}">
                  <a14:compatExt spid="_x0000_s1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5</xdr:row>
          <xdr:rowOff>152400</xdr:rowOff>
        </xdr:from>
        <xdr:to>
          <xdr:col>24</xdr:col>
          <xdr:colOff>104775</xdr:colOff>
          <xdr:row>57</xdr:row>
          <xdr:rowOff>38100</xdr:rowOff>
        </xdr:to>
        <xdr:sp macro="" textlink="">
          <xdr:nvSpPr>
            <xdr:cNvPr id="1325" name="Check Box 301" hidden="1">
              <a:extLst>
                <a:ext uri="{63B3BB69-23CF-44E3-9099-C40C66FF867C}">
                  <a14:compatExt spid="_x0000_s1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6</xdr:row>
          <xdr:rowOff>142875</xdr:rowOff>
        </xdr:from>
        <xdr:to>
          <xdr:col>25</xdr:col>
          <xdr:colOff>95250</xdr:colOff>
          <xdr:row>58</xdr:row>
          <xdr:rowOff>28575</xdr:rowOff>
        </xdr:to>
        <xdr:sp macro="" textlink="">
          <xdr:nvSpPr>
            <xdr:cNvPr id="1326" name="Check Box 302" hidden="1">
              <a:extLst>
                <a:ext uri="{63B3BB69-23CF-44E3-9099-C40C66FF867C}">
                  <a14:compatExt spid="_x0000_s1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6</xdr:row>
          <xdr:rowOff>142875</xdr:rowOff>
        </xdr:from>
        <xdr:to>
          <xdr:col>31</xdr:col>
          <xdr:colOff>95250</xdr:colOff>
          <xdr:row>58</xdr:row>
          <xdr:rowOff>28575</xdr:rowOff>
        </xdr:to>
        <xdr:sp macro="" textlink="">
          <xdr:nvSpPr>
            <xdr:cNvPr id="1327" name="Check Box 303" hidden="1">
              <a:extLst>
                <a:ext uri="{63B3BB69-23CF-44E3-9099-C40C66FF867C}">
                  <a14:compatExt spid="_x0000_s1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7</xdr:row>
          <xdr:rowOff>142875</xdr:rowOff>
        </xdr:from>
        <xdr:to>
          <xdr:col>24</xdr:col>
          <xdr:colOff>104775</xdr:colOff>
          <xdr:row>59</xdr:row>
          <xdr:rowOff>28575</xdr:rowOff>
        </xdr:to>
        <xdr:sp macro="" textlink="">
          <xdr:nvSpPr>
            <xdr:cNvPr id="1328" name="Check Box 304" hidden="1">
              <a:extLst>
                <a:ext uri="{63B3BB69-23CF-44E3-9099-C40C66FF867C}">
                  <a14:compatExt spid="_x0000_s1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8</xdr:row>
          <xdr:rowOff>142875</xdr:rowOff>
        </xdr:from>
        <xdr:to>
          <xdr:col>25</xdr:col>
          <xdr:colOff>95250</xdr:colOff>
          <xdr:row>60</xdr:row>
          <xdr:rowOff>28575</xdr:rowOff>
        </xdr:to>
        <xdr:sp macro="" textlink="">
          <xdr:nvSpPr>
            <xdr:cNvPr id="1329" name="Check Box 305" hidden="1">
              <a:extLst>
                <a:ext uri="{63B3BB69-23CF-44E3-9099-C40C66FF867C}">
                  <a14:compatExt spid="_x0000_s1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8</xdr:row>
          <xdr:rowOff>152400</xdr:rowOff>
        </xdr:from>
        <xdr:to>
          <xdr:col>57</xdr:col>
          <xdr:colOff>95250</xdr:colOff>
          <xdr:row>60</xdr:row>
          <xdr:rowOff>38100</xdr:rowOff>
        </xdr:to>
        <xdr:sp macro="" textlink="">
          <xdr:nvSpPr>
            <xdr:cNvPr id="1330" name="Check Box 306" hidden="1">
              <a:extLst>
                <a:ext uri="{63B3BB69-23CF-44E3-9099-C40C66FF867C}">
                  <a14:compatExt spid="_x0000_s1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8</xdr:row>
          <xdr:rowOff>142875</xdr:rowOff>
        </xdr:from>
        <xdr:to>
          <xdr:col>31</xdr:col>
          <xdr:colOff>95250</xdr:colOff>
          <xdr:row>60</xdr:row>
          <xdr:rowOff>28575</xdr:rowOff>
        </xdr:to>
        <xdr:sp macro="" textlink="">
          <xdr:nvSpPr>
            <xdr:cNvPr id="1331" name="Check Box 307" hidden="1">
              <a:extLst>
                <a:ext uri="{63B3BB69-23CF-44E3-9099-C40C66FF867C}">
                  <a14:compatExt spid="_x0000_s1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5</xdr:row>
          <xdr:rowOff>142875</xdr:rowOff>
        </xdr:from>
        <xdr:to>
          <xdr:col>8</xdr:col>
          <xdr:colOff>104775</xdr:colOff>
          <xdr:row>57</xdr:row>
          <xdr:rowOff>28575</xdr:rowOff>
        </xdr:to>
        <xdr:sp macro="" textlink="">
          <xdr:nvSpPr>
            <xdr:cNvPr id="1332" name="Check Box 308" hidden="1">
              <a:extLst>
                <a:ext uri="{63B3BB69-23CF-44E3-9099-C40C66FF867C}">
                  <a14:compatExt spid="_x0000_s13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9</xdr:row>
          <xdr:rowOff>142875</xdr:rowOff>
        </xdr:from>
        <xdr:to>
          <xdr:col>8</xdr:col>
          <xdr:colOff>104775</xdr:colOff>
          <xdr:row>61</xdr:row>
          <xdr:rowOff>28575</xdr:rowOff>
        </xdr:to>
        <xdr:sp macro="" textlink="">
          <xdr:nvSpPr>
            <xdr:cNvPr id="1333" name="Check Box 309" hidden="1">
              <a:extLst>
                <a:ext uri="{63B3BB69-23CF-44E3-9099-C40C66FF867C}">
                  <a14:compatExt spid="_x0000_s1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1</xdr:row>
          <xdr:rowOff>152400</xdr:rowOff>
        </xdr:from>
        <xdr:to>
          <xdr:col>8</xdr:col>
          <xdr:colOff>104775</xdr:colOff>
          <xdr:row>63</xdr:row>
          <xdr:rowOff>38100</xdr:rowOff>
        </xdr:to>
        <xdr:sp macro="" textlink="">
          <xdr:nvSpPr>
            <xdr:cNvPr id="1334" name="Check Box 310" hidden="1">
              <a:extLst>
                <a:ext uri="{63B3BB69-23CF-44E3-9099-C40C66FF867C}">
                  <a14:compatExt spid="_x0000_s13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3</xdr:row>
          <xdr:rowOff>142875</xdr:rowOff>
        </xdr:from>
        <xdr:to>
          <xdr:col>8</xdr:col>
          <xdr:colOff>104775</xdr:colOff>
          <xdr:row>65</xdr:row>
          <xdr:rowOff>28575</xdr:rowOff>
        </xdr:to>
        <xdr:sp macro="" textlink="">
          <xdr:nvSpPr>
            <xdr:cNvPr id="1335" name="Check Box 311" hidden="1">
              <a:extLst>
                <a:ext uri="{63B3BB69-23CF-44E3-9099-C40C66FF867C}">
                  <a14:compatExt spid="_x0000_s13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3</xdr:row>
          <xdr:rowOff>142875</xdr:rowOff>
        </xdr:from>
        <xdr:to>
          <xdr:col>24</xdr:col>
          <xdr:colOff>104775</xdr:colOff>
          <xdr:row>65</xdr:row>
          <xdr:rowOff>28575</xdr:rowOff>
        </xdr:to>
        <xdr:sp macro="" textlink="">
          <xdr:nvSpPr>
            <xdr:cNvPr id="1336" name="Check Box 312" hidden="1">
              <a:extLst>
                <a:ext uri="{63B3BB69-23CF-44E3-9099-C40C66FF867C}">
                  <a14:compatExt spid="_x0000_s1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4</xdr:row>
          <xdr:rowOff>161925</xdr:rowOff>
        </xdr:from>
        <xdr:to>
          <xdr:col>25</xdr:col>
          <xdr:colOff>95250</xdr:colOff>
          <xdr:row>66</xdr:row>
          <xdr:rowOff>47625</xdr:rowOff>
        </xdr:to>
        <xdr:sp macro="" textlink="">
          <xdr:nvSpPr>
            <xdr:cNvPr id="1337" name="Check Box 313" hidden="1">
              <a:extLst>
                <a:ext uri="{63B3BB69-23CF-44E3-9099-C40C66FF867C}">
                  <a14:compatExt spid="_x0000_s1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4</xdr:row>
          <xdr:rowOff>161925</xdr:rowOff>
        </xdr:from>
        <xdr:to>
          <xdr:col>31</xdr:col>
          <xdr:colOff>95250</xdr:colOff>
          <xdr:row>66</xdr:row>
          <xdr:rowOff>47625</xdr:rowOff>
        </xdr:to>
        <xdr:sp macro="" textlink="">
          <xdr:nvSpPr>
            <xdr:cNvPr id="1338" name="Check Box 314" hidden="1">
              <a:extLst>
                <a:ext uri="{63B3BB69-23CF-44E3-9099-C40C66FF867C}">
                  <a14:compatExt spid="_x0000_s13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4</xdr:row>
          <xdr:rowOff>152400</xdr:rowOff>
        </xdr:from>
        <xdr:to>
          <xdr:col>57</xdr:col>
          <xdr:colOff>104775</xdr:colOff>
          <xdr:row>66</xdr:row>
          <xdr:rowOff>19050</xdr:rowOff>
        </xdr:to>
        <xdr:sp macro="" textlink="">
          <xdr:nvSpPr>
            <xdr:cNvPr id="1339" name="Check Box 315" hidden="1">
              <a:extLst>
                <a:ext uri="{63B3BB69-23CF-44E3-9099-C40C66FF867C}">
                  <a14:compatExt spid="_x0000_s1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9</xdr:row>
          <xdr:rowOff>161925</xdr:rowOff>
        </xdr:from>
        <xdr:to>
          <xdr:col>25</xdr:col>
          <xdr:colOff>95250</xdr:colOff>
          <xdr:row>71</xdr:row>
          <xdr:rowOff>47625</xdr:rowOff>
        </xdr:to>
        <xdr:sp macro="" textlink="">
          <xdr:nvSpPr>
            <xdr:cNvPr id="1340" name="Check Box 316" hidden="1">
              <a:extLst>
                <a:ext uri="{63B3BB69-23CF-44E3-9099-C40C66FF867C}">
                  <a14:compatExt spid="_x0000_s1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9</xdr:row>
          <xdr:rowOff>161925</xdr:rowOff>
        </xdr:from>
        <xdr:to>
          <xdr:col>31</xdr:col>
          <xdr:colOff>95250</xdr:colOff>
          <xdr:row>71</xdr:row>
          <xdr:rowOff>47625</xdr:rowOff>
        </xdr:to>
        <xdr:sp macro="" textlink="">
          <xdr:nvSpPr>
            <xdr:cNvPr id="1341" name="Check Box 317" hidden="1">
              <a:extLst>
                <a:ext uri="{63B3BB69-23CF-44E3-9099-C40C66FF867C}">
                  <a14:compatExt spid="_x0000_s13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69</xdr:row>
          <xdr:rowOff>142875</xdr:rowOff>
        </xdr:from>
        <xdr:to>
          <xdr:col>57</xdr:col>
          <xdr:colOff>95250</xdr:colOff>
          <xdr:row>71</xdr:row>
          <xdr:rowOff>28575</xdr:rowOff>
        </xdr:to>
        <xdr:sp macro="" textlink="">
          <xdr:nvSpPr>
            <xdr:cNvPr id="1342" name="Check Box 318" hidden="1">
              <a:extLst>
                <a:ext uri="{63B3BB69-23CF-44E3-9099-C40C66FF867C}">
                  <a14:compatExt spid="_x0000_s1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8</xdr:row>
          <xdr:rowOff>152400</xdr:rowOff>
        </xdr:from>
        <xdr:to>
          <xdr:col>8</xdr:col>
          <xdr:colOff>104775</xdr:colOff>
          <xdr:row>70</xdr:row>
          <xdr:rowOff>38100</xdr:rowOff>
        </xdr:to>
        <xdr:sp macro="" textlink="">
          <xdr:nvSpPr>
            <xdr:cNvPr id="1343" name="Check Box 319" hidden="1">
              <a:extLst>
                <a:ext uri="{63B3BB69-23CF-44E3-9099-C40C66FF867C}">
                  <a14:compatExt spid="_x0000_s1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5</xdr:row>
          <xdr:rowOff>152400</xdr:rowOff>
        </xdr:from>
        <xdr:to>
          <xdr:col>24</xdr:col>
          <xdr:colOff>104775</xdr:colOff>
          <xdr:row>67</xdr:row>
          <xdr:rowOff>19050</xdr:rowOff>
        </xdr:to>
        <xdr:sp macro="" textlink="">
          <xdr:nvSpPr>
            <xdr:cNvPr id="1344" name="Check Box 320" hidden="1">
              <a:extLst>
                <a:ext uri="{63B3BB69-23CF-44E3-9099-C40C66FF867C}">
                  <a14:compatExt spid="_x0000_s13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33350</xdr:rowOff>
        </xdr:from>
        <xdr:to>
          <xdr:col>24</xdr:col>
          <xdr:colOff>104775</xdr:colOff>
          <xdr:row>68</xdr:row>
          <xdr:rowOff>19050</xdr:rowOff>
        </xdr:to>
        <xdr:sp macro="" textlink="">
          <xdr:nvSpPr>
            <xdr:cNvPr id="1345" name="Check Box 321" hidden="1">
              <a:extLst>
                <a:ext uri="{63B3BB69-23CF-44E3-9099-C40C66FF867C}">
                  <a14:compatExt spid="_x0000_s1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7</xdr:row>
          <xdr:rowOff>133350</xdr:rowOff>
        </xdr:from>
        <xdr:to>
          <xdr:col>24</xdr:col>
          <xdr:colOff>114300</xdr:colOff>
          <xdr:row>69</xdr:row>
          <xdr:rowOff>19050</xdr:rowOff>
        </xdr:to>
        <xdr:sp macro="" textlink="">
          <xdr:nvSpPr>
            <xdr:cNvPr id="1346" name="Check Box 322" hidden="1">
              <a:extLst>
                <a:ext uri="{63B3BB69-23CF-44E3-9099-C40C66FF867C}">
                  <a14:compatExt spid="_x0000_s1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8</xdr:row>
          <xdr:rowOff>142875</xdr:rowOff>
        </xdr:from>
        <xdr:to>
          <xdr:col>24</xdr:col>
          <xdr:colOff>104775</xdr:colOff>
          <xdr:row>70</xdr:row>
          <xdr:rowOff>28575</xdr:rowOff>
        </xdr:to>
        <xdr:sp macro="" textlink="">
          <xdr:nvSpPr>
            <xdr:cNvPr id="1347" name="Check Box 323" hidden="1">
              <a:extLst>
                <a:ext uri="{63B3BB69-23CF-44E3-9099-C40C66FF867C}">
                  <a14:compatExt spid="_x0000_s13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0</xdr:row>
          <xdr:rowOff>142875</xdr:rowOff>
        </xdr:from>
        <xdr:to>
          <xdr:col>24</xdr:col>
          <xdr:colOff>95250</xdr:colOff>
          <xdr:row>72</xdr:row>
          <xdr:rowOff>28575</xdr:rowOff>
        </xdr:to>
        <xdr:sp macro="" textlink="">
          <xdr:nvSpPr>
            <xdr:cNvPr id="1348" name="Check Box 324" hidden="1">
              <a:extLst>
                <a:ext uri="{63B3BB69-23CF-44E3-9099-C40C66FF867C}">
                  <a14:compatExt spid="_x0000_s1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1349" name="Check Box 325" hidden="1">
              <a:extLst>
                <a:ext uri="{63B3BB69-23CF-44E3-9099-C40C66FF867C}">
                  <a14:compatExt spid="_x0000_s1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0</xdr:row>
          <xdr:rowOff>9525</xdr:rowOff>
        </xdr:from>
        <xdr:to>
          <xdr:col>8</xdr:col>
          <xdr:colOff>104775</xdr:colOff>
          <xdr:row>81</xdr:row>
          <xdr:rowOff>47625</xdr:rowOff>
        </xdr:to>
        <xdr:sp macro="" textlink="">
          <xdr:nvSpPr>
            <xdr:cNvPr id="1350" name="Check Box 326" hidden="1">
              <a:extLst>
                <a:ext uri="{63B3BB69-23CF-44E3-9099-C40C66FF867C}">
                  <a14:compatExt spid="_x0000_s13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3</xdr:row>
          <xdr:rowOff>133350</xdr:rowOff>
        </xdr:from>
        <xdr:to>
          <xdr:col>8</xdr:col>
          <xdr:colOff>104775</xdr:colOff>
          <xdr:row>85</xdr:row>
          <xdr:rowOff>47625</xdr:rowOff>
        </xdr:to>
        <xdr:sp macro="" textlink="">
          <xdr:nvSpPr>
            <xdr:cNvPr id="1351" name="Check Box 327" hidden="1">
              <a:extLst>
                <a:ext uri="{63B3BB69-23CF-44E3-9099-C40C66FF867C}">
                  <a14:compatExt spid="_x0000_s1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61925</xdr:rowOff>
        </xdr:from>
        <xdr:to>
          <xdr:col>8</xdr:col>
          <xdr:colOff>104775</xdr:colOff>
          <xdr:row>86</xdr:row>
          <xdr:rowOff>28575</xdr:rowOff>
        </xdr:to>
        <xdr:sp macro="" textlink="">
          <xdr:nvSpPr>
            <xdr:cNvPr id="1352" name="Check Box 328" hidden="1">
              <a:extLst>
                <a:ext uri="{63B3BB69-23CF-44E3-9099-C40C66FF867C}">
                  <a14:compatExt spid="_x0000_s1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0</xdr:row>
          <xdr:rowOff>161925</xdr:rowOff>
        </xdr:from>
        <xdr:to>
          <xdr:col>57</xdr:col>
          <xdr:colOff>104775</xdr:colOff>
          <xdr:row>82</xdr:row>
          <xdr:rowOff>28575</xdr:rowOff>
        </xdr:to>
        <xdr:sp macro="" textlink="">
          <xdr:nvSpPr>
            <xdr:cNvPr id="1353" name="Check Box 329" hidden="1">
              <a:extLst>
                <a:ext uri="{63B3BB69-23CF-44E3-9099-C40C66FF867C}">
                  <a14:compatExt spid="_x0000_s1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0</xdr:row>
          <xdr:rowOff>0</xdr:rowOff>
        </xdr:from>
        <xdr:to>
          <xdr:col>24</xdr:col>
          <xdr:colOff>104775</xdr:colOff>
          <xdr:row>81</xdr:row>
          <xdr:rowOff>38100</xdr:rowOff>
        </xdr:to>
        <xdr:sp macro="" textlink="">
          <xdr:nvSpPr>
            <xdr:cNvPr id="1354" name="Check Box 330" hidden="1">
              <a:extLst>
                <a:ext uri="{63B3BB69-23CF-44E3-9099-C40C66FF867C}">
                  <a14:compatExt spid="_x0000_s1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6</xdr:row>
          <xdr:rowOff>152400</xdr:rowOff>
        </xdr:from>
        <xdr:to>
          <xdr:col>57</xdr:col>
          <xdr:colOff>95250</xdr:colOff>
          <xdr:row>58</xdr:row>
          <xdr:rowOff>38100</xdr:rowOff>
        </xdr:to>
        <xdr:sp macro="" textlink="">
          <xdr:nvSpPr>
            <xdr:cNvPr id="1355" name="Check Box 331" hidden="1">
              <a:extLst>
                <a:ext uri="{63B3BB69-23CF-44E3-9099-C40C66FF867C}">
                  <a14:compatExt spid="_x0000_s1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3</xdr:row>
          <xdr:rowOff>171450</xdr:rowOff>
        </xdr:from>
        <xdr:to>
          <xdr:col>57</xdr:col>
          <xdr:colOff>104775</xdr:colOff>
          <xdr:row>45</xdr:row>
          <xdr:rowOff>38100</xdr:rowOff>
        </xdr:to>
        <xdr:sp macro="" textlink="">
          <xdr:nvSpPr>
            <xdr:cNvPr id="1356" name="Check Box 332" hidden="1">
              <a:extLst>
                <a:ext uri="{63B3BB69-23CF-44E3-9099-C40C66FF867C}">
                  <a14:compatExt spid="_x0000_s1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1357" name="Check Box 333" hidden="1">
              <a:extLst>
                <a:ext uri="{63B3BB69-23CF-44E3-9099-C40C66FF867C}">
                  <a14:compatExt spid="_x0000_s1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1358" name="Check Box 334" hidden="1">
              <a:extLst>
                <a:ext uri="{63B3BB69-23CF-44E3-9099-C40C66FF867C}">
                  <a14:compatExt spid="_x0000_s1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1359" name="Check Box 335" hidden="1">
              <a:extLst>
                <a:ext uri="{63B3BB69-23CF-44E3-9099-C40C66FF867C}">
                  <a14:compatExt spid="_x0000_s1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0</xdr:row>
          <xdr:rowOff>133350</xdr:rowOff>
        </xdr:from>
        <xdr:to>
          <xdr:col>25</xdr:col>
          <xdr:colOff>114300</xdr:colOff>
          <xdr:row>82</xdr:row>
          <xdr:rowOff>28575</xdr:rowOff>
        </xdr:to>
        <xdr:sp macro="" textlink="">
          <xdr:nvSpPr>
            <xdr:cNvPr id="1360" name="Check Box 336" hidden="1">
              <a:extLst>
                <a:ext uri="{63B3BB69-23CF-44E3-9099-C40C66FF867C}">
                  <a14:compatExt spid="_x0000_s1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0</xdr:row>
          <xdr:rowOff>142875</xdr:rowOff>
        </xdr:from>
        <xdr:to>
          <xdr:col>30</xdr:col>
          <xdr:colOff>114300</xdr:colOff>
          <xdr:row>82</xdr:row>
          <xdr:rowOff>38100</xdr:rowOff>
        </xdr:to>
        <xdr:sp macro="" textlink="">
          <xdr:nvSpPr>
            <xdr:cNvPr id="1361" name="Check Box 337" hidden="1">
              <a:extLst>
                <a:ext uri="{63B3BB69-23CF-44E3-9099-C40C66FF867C}">
                  <a14:compatExt spid="_x0000_s1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1</xdr:row>
          <xdr:rowOff>142875</xdr:rowOff>
        </xdr:from>
        <xdr:to>
          <xdr:col>24</xdr:col>
          <xdr:colOff>95250</xdr:colOff>
          <xdr:row>83</xdr:row>
          <xdr:rowOff>38100</xdr:rowOff>
        </xdr:to>
        <xdr:sp macro="" textlink="">
          <xdr:nvSpPr>
            <xdr:cNvPr id="1362" name="Check Box 338" hidden="1">
              <a:extLst>
                <a:ext uri="{63B3BB69-23CF-44E3-9099-C40C66FF867C}">
                  <a14:compatExt spid="_x0000_s1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2</xdr:row>
          <xdr:rowOff>133350</xdr:rowOff>
        </xdr:from>
        <xdr:to>
          <xdr:col>30</xdr:col>
          <xdr:colOff>104775</xdr:colOff>
          <xdr:row>84</xdr:row>
          <xdr:rowOff>28575</xdr:rowOff>
        </xdr:to>
        <xdr:sp macro="" textlink="">
          <xdr:nvSpPr>
            <xdr:cNvPr id="1363" name="Check Box 339" hidden="1">
              <a:extLst>
                <a:ext uri="{63B3BB69-23CF-44E3-9099-C40C66FF867C}">
                  <a14:compatExt spid="_x0000_s1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2</xdr:row>
          <xdr:rowOff>133350</xdr:rowOff>
        </xdr:from>
        <xdr:to>
          <xdr:col>25</xdr:col>
          <xdr:colOff>95250</xdr:colOff>
          <xdr:row>84</xdr:row>
          <xdr:rowOff>28575</xdr:rowOff>
        </xdr:to>
        <xdr:sp macro="" textlink="">
          <xdr:nvSpPr>
            <xdr:cNvPr id="1364" name="Check Box 340" hidden="1">
              <a:extLst>
                <a:ext uri="{63B3BB69-23CF-44E3-9099-C40C66FF867C}">
                  <a14:compatExt spid="_x0000_s1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4</xdr:row>
          <xdr:rowOff>133350</xdr:rowOff>
        </xdr:from>
        <xdr:to>
          <xdr:col>24</xdr:col>
          <xdr:colOff>95250</xdr:colOff>
          <xdr:row>86</xdr:row>
          <xdr:rowOff>28575</xdr:rowOff>
        </xdr:to>
        <xdr:sp macro="" textlink="">
          <xdr:nvSpPr>
            <xdr:cNvPr id="1365" name="Check Box 341" hidden="1">
              <a:extLst>
                <a:ext uri="{63B3BB69-23CF-44E3-9099-C40C66FF867C}">
                  <a14:compatExt spid="_x0000_s1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5</xdr:row>
          <xdr:rowOff>142875</xdr:rowOff>
        </xdr:from>
        <xdr:to>
          <xdr:col>29</xdr:col>
          <xdr:colOff>85725</xdr:colOff>
          <xdr:row>87</xdr:row>
          <xdr:rowOff>38100</xdr:rowOff>
        </xdr:to>
        <xdr:sp macro="" textlink="">
          <xdr:nvSpPr>
            <xdr:cNvPr id="1366" name="Check Box 342" hidden="1">
              <a:extLst>
                <a:ext uri="{63B3BB69-23CF-44E3-9099-C40C66FF867C}">
                  <a14:compatExt spid="_x0000_s1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5</xdr:row>
          <xdr:rowOff>133350</xdr:rowOff>
        </xdr:from>
        <xdr:to>
          <xdr:col>25</xdr:col>
          <xdr:colOff>95250</xdr:colOff>
          <xdr:row>87</xdr:row>
          <xdr:rowOff>28575</xdr:rowOff>
        </xdr:to>
        <xdr:sp macro="" textlink="">
          <xdr:nvSpPr>
            <xdr:cNvPr id="1367" name="Check Box 343" hidden="1">
              <a:extLst>
                <a:ext uri="{63B3BB69-23CF-44E3-9099-C40C66FF867C}">
                  <a14:compatExt spid="_x0000_s1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5</xdr:row>
          <xdr:rowOff>123825</xdr:rowOff>
        </xdr:from>
        <xdr:to>
          <xdr:col>33</xdr:col>
          <xdr:colOff>95250</xdr:colOff>
          <xdr:row>87</xdr:row>
          <xdr:rowOff>19050</xdr:rowOff>
        </xdr:to>
        <xdr:sp macro="" textlink="">
          <xdr:nvSpPr>
            <xdr:cNvPr id="1368" name="Check Box 344" hidden="1">
              <a:extLst>
                <a:ext uri="{63B3BB69-23CF-44E3-9099-C40C66FF867C}">
                  <a14:compatExt spid="_x0000_s1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5</xdr:row>
          <xdr:rowOff>133350</xdr:rowOff>
        </xdr:from>
        <xdr:to>
          <xdr:col>37</xdr:col>
          <xdr:colOff>104775</xdr:colOff>
          <xdr:row>87</xdr:row>
          <xdr:rowOff>28575</xdr:rowOff>
        </xdr:to>
        <xdr:sp macro="" textlink="">
          <xdr:nvSpPr>
            <xdr:cNvPr id="1369" name="Check Box 345" hidden="1">
              <a:extLst>
                <a:ext uri="{63B3BB69-23CF-44E3-9099-C40C66FF867C}">
                  <a14:compatExt spid="_x0000_s1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5</xdr:row>
          <xdr:rowOff>133350</xdr:rowOff>
        </xdr:from>
        <xdr:to>
          <xdr:col>41</xdr:col>
          <xdr:colOff>95250</xdr:colOff>
          <xdr:row>87</xdr:row>
          <xdr:rowOff>28575</xdr:rowOff>
        </xdr:to>
        <xdr:sp macro="" textlink="">
          <xdr:nvSpPr>
            <xdr:cNvPr id="1370" name="Check Box 346" hidden="1">
              <a:extLst>
                <a:ext uri="{63B3BB69-23CF-44E3-9099-C40C66FF867C}">
                  <a14:compatExt spid="_x0000_s1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6</xdr:row>
          <xdr:rowOff>142875</xdr:rowOff>
        </xdr:from>
        <xdr:to>
          <xdr:col>24</xdr:col>
          <xdr:colOff>104775</xdr:colOff>
          <xdr:row>88</xdr:row>
          <xdr:rowOff>9525</xdr:rowOff>
        </xdr:to>
        <xdr:sp macro="" textlink="">
          <xdr:nvSpPr>
            <xdr:cNvPr id="1371" name="Check Box 347" hidden="1">
              <a:extLst>
                <a:ext uri="{63B3BB69-23CF-44E3-9099-C40C66FF867C}">
                  <a14:compatExt spid="_x0000_s1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7</xdr:row>
          <xdr:rowOff>133350</xdr:rowOff>
        </xdr:from>
        <xdr:to>
          <xdr:col>25</xdr:col>
          <xdr:colOff>95250</xdr:colOff>
          <xdr:row>89</xdr:row>
          <xdr:rowOff>28575</xdr:rowOff>
        </xdr:to>
        <xdr:sp macro="" textlink="">
          <xdr:nvSpPr>
            <xdr:cNvPr id="1372" name="Check Box 348" hidden="1">
              <a:extLst>
                <a:ext uri="{63B3BB69-23CF-44E3-9099-C40C66FF867C}">
                  <a14:compatExt spid="_x0000_s1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23825</xdr:rowOff>
        </xdr:from>
        <xdr:to>
          <xdr:col>25</xdr:col>
          <xdr:colOff>95250</xdr:colOff>
          <xdr:row>90</xdr:row>
          <xdr:rowOff>19050</xdr:rowOff>
        </xdr:to>
        <xdr:sp macro="" textlink="">
          <xdr:nvSpPr>
            <xdr:cNvPr id="1373" name="Check Box 349" hidden="1">
              <a:extLst>
                <a:ext uri="{63B3BB69-23CF-44E3-9099-C40C66FF867C}">
                  <a14:compatExt spid="_x0000_s1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7</xdr:row>
          <xdr:rowOff>142875</xdr:rowOff>
        </xdr:from>
        <xdr:to>
          <xdr:col>39</xdr:col>
          <xdr:colOff>95250</xdr:colOff>
          <xdr:row>89</xdr:row>
          <xdr:rowOff>38100</xdr:rowOff>
        </xdr:to>
        <xdr:sp macro="" textlink="">
          <xdr:nvSpPr>
            <xdr:cNvPr id="1374" name="Check Box 350" hidden="1">
              <a:extLst>
                <a:ext uri="{63B3BB69-23CF-44E3-9099-C40C66FF867C}">
                  <a14:compatExt spid="_x0000_s1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7</xdr:row>
          <xdr:rowOff>161925</xdr:rowOff>
        </xdr:from>
        <xdr:to>
          <xdr:col>57</xdr:col>
          <xdr:colOff>95250</xdr:colOff>
          <xdr:row>89</xdr:row>
          <xdr:rowOff>28575</xdr:rowOff>
        </xdr:to>
        <xdr:sp macro="" textlink="">
          <xdr:nvSpPr>
            <xdr:cNvPr id="1375" name="Check Box 351" hidden="1">
              <a:extLst>
                <a:ext uri="{63B3BB69-23CF-44E3-9099-C40C66FF867C}">
                  <a14:compatExt spid="_x0000_s1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8</xdr:row>
          <xdr:rowOff>152400</xdr:rowOff>
        </xdr:from>
        <xdr:to>
          <xdr:col>57</xdr:col>
          <xdr:colOff>104775</xdr:colOff>
          <xdr:row>90</xdr:row>
          <xdr:rowOff>19050</xdr:rowOff>
        </xdr:to>
        <xdr:sp macro="" textlink="">
          <xdr:nvSpPr>
            <xdr:cNvPr id="1376" name="Check Box 352" hidden="1">
              <a:extLst>
                <a:ext uri="{63B3BB69-23CF-44E3-9099-C40C66FF867C}">
                  <a14:compatExt spid="_x0000_s1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0</xdr:row>
          <xdr:rowOff>142875</xdr:rowOff>
        </xdr:from>
        <xdr:to>
          <xdr:col>57</xdr:col>
          <xdr:colOff>104775</xdr:colOff>
          <xdr:row>92</xdr:row>
          <xdr:rowOff>38100</xdr:rowOff>
        </xdr:to>
        <xdr:sp macro="" textlink="">
          <xdr:nvSpPr>
            <xdr:cNvPr id="1377" name="Check Box 353" hidden="1">
              <a:extLst>
                <a:ext uri="{63B3BB69-23CF-44E3-9099-C40C66FF867C}">
                  <a14:compatExt spid="_x0000_s1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9</xdr:row>
          <xdr:rowOff>142875</xdr:rowOff>
        </xdr:from>
        <xdr:to>
          <xdr:col>24</xdr:col>
          <xdr:colOff>95250</xdr:colOff>
          <xdr:row>91</xdr:row>
          <xdr:rowOff>38100</xdr:rowOff>
        </xdr:to>
        <xdr:sp macro="" textlink="">
          <xdr:nvSpPr>
            <xdr:cNvPr id="1378" name="Check Box 354" hidden="1">
              <a:extLst>
                <a:ext uri="{63B3BB69-23CF-44E3-9099-C40C66FF867C}">
                  <a14:compatExt spid="_x0000_s1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0</xdr:row>
          <xdr:rowOff>142875</xdr:rowOff>
        </xdr:from>
        <xdr:to>
          <xdr:col>30</xdr:col>
          <xdr:colOff>76200</xdr:colOff>
          <xdr:row>92</xdr:row>
          <xdr:rowOff>38100</xdr:rowOff>
        </xdr:to>
        <xdr:sp macro="" textlink="">
          <xdr:nvSpPr>
            <xdr:cNvPr id="1379" name="Check Box 355" hidden="1">
              <a:extLst>
                <a:ext uri="{63B3BB69-23CF-44E3-9099-C40C66FF867C}">
                  <a14:compatExt spid="_x0000_s1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0</xdr:row>
          <xdr:rowOff>133350</xdr:rowOff>
        </xdr:from>
        <xdr:to>
          <xdr:col>34</xdr:col>
          <xdr:colOff>104775</xdr:colOff>
          <xdr:row>92</xdr:row>
          <xdr:rowOff>28575</xdr:rowOff>
        </xdr:to>
        <xdr:sp macro="" textlink="">
          <xdr:nvSpPr>
            <xdr:cNvPr id="1380" name="Check Box 356" hidden="1">
              <a:extLst>
                <a:ext uri="{63B3BB69-23CF-44E3-9099-C40C66FF867C}">
                  <a14:compatExt spid="_x0000_s1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0</xdr:row>
          <xdr:rowOff>161925</xdr:rowOff>
        </xdr:from>
        <xdr:to>
          <xdr:col>39</xdr:col>
          <xdr:colOff>114300</xdr:colOff>
          <xdr:row>92</xdr:row>
          <xdr:rowOff>28575</xdr:rowOff>
        </xdr:to>
        <xdr:sp macro="" textlink="">
          <xdr:nvSpPr>
            <xdr:cNvPr id="1381" name="Check Box 357" hidden="1">
              <a:extLst>
                <a:ext uri="{63B3BB69-23CF-44E3-9099-C40C66FF867C}">
                  <a14:compatExt spid="_x0000_s1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0</xdr:row>
          <xdr:rowOff>142875</xdr:rowOff>
        </xdr:from>
        <xdr:to>
          <xdr:col>44</xdr:col>
          <xdr:colOff>104775</xdr:colOff>
          <xdr:row>92</xdr:row>
          <xdr:rowOff>38100</xdr:rowOff>
        </xdr:to>
        <xdr:sp macro="" textlink="">
          <xdr:nvSpPr>
            <xdr:cNvPr id="1382" name="Check Box 358" hidden="1">
              <a:extLst>
                <a:ext uri="{63B3BB69-23CF-44E3-9099-C40C66FF867C}">
                  <a14:compatExt spid="_x0000_s1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0</xdr:row>
          <xdr:rowOff>142875</xdr:rowOff>
        </xdr:from>
        <xdr:to>
          <xdr:col>25</xdr:col>
          <xdr:colOff>104775</xdr:colOff>
          <xdr:row>92</xdr:row>
          <xdr:rowOff>38100</xdr:rowOff>
        </xdr:to>
        <xdr:sp macro="" textlink="">
          <xdr:nvSpPr>
            <xdr:cNvPr id="1383" name="Check Box 359" hidden="1">
              <a:extLst>
                <a:ext uri="{63B3BB69-23CF-44E3-9099-C40C66FF867C}">
                  <a14:compatExt spid="_x0000_s13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1</xdr:row>
          <xdr:rowOff>133350</xdr:rowOff>
        </xdr:from>
        <xdr:to>
          <xdr:col>24</xdr:col>
          <xdr:colOff>104775</xdr:colOff>
          <xdr:row>93</xdr:row>
          <xdr:rowOff>28575</xdr:rowOff>
        </xdr:to>
        <xdr:sp macro="" textlink="">
          <xdr:nvSpPr>
            <xdr:cNvPr id="1384" name="Check Box 360" hidden="1">
              <a:extLst>
                <a:ext uri="{63B3BB69-23CF-44E3-9099-C40C66FF867C}">
                  <a14:compatExt spid="_x0000_s1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1</xdr:row>
          <xdr:rowOff>142875</xdr:rowOff>
        </xdr:from>
        <xdr:to>
          <xdr:col>8</xdr:col>
          <xdr:colOff>104775</xdr:colOff>
          <xdr:row>93</xdr:row>
          <xdr:rowOff>38100</xdr:rowOff>
        </xdr:to>
        <xdr:sp macro="" textlink="">
          <xdr:nvSpPr>
            <xdr:cNvPr id="1385" name="Check Box 361" hidden="1">
              <a:extLst>
                <a:ext uri="{63B3BB69-23CF-44E3-9099-C40C66FF867C}">
                  <a14:compatExt spid="_x0000_s1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42875</xdr:rowOff>
        </xdr:from>
        <xdr:to>
          <xdr:col>24</xdr:col>
          <xdr:colOff>104775</xdr:colOff>
          <xdr:row>94</xdr:row>
          <xdr:rowOff>38100</xdr:rowOff>
        </xdr:to>
        <xdr:sp macro="" textlink="">
          <xdr:nvSpPr>
            <xdr:cNvPr id="1386" name="Check Box 362" hidden="1">
              <a:extLst>
                <a:ext uri="{63B3BB69-23CF-44E3-9099-C40C66FF867C}">
                  <a14:compatExt spid="_x0000_s1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9</xdr:row>
          <xdr:rowOff>142875</xdr:rowOff>
        </xdr:from>
        <xdr:to>
          <xdr:col>8</xdr:col>
          <xdr:colOff>104775</xdr:colOff>
          <xdr:row>101</xdr:row>
          <xdr:rowOff>38100</xdr:rowOff>
        </xdr:to>
        <xdr:sp macro="" textlink="">
          <xdr:nvSpPr>
            <xdr:cNvPr id="1387" name="Check Box 363" hidden="1">
              <a:extLst>
                <a:ext uri="{63B3BB69-23CF-44E3-9099-C40C66FF867C}">
                  <a14:compatExt spid="_x0000_s1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5</xdr:row>
          <xdr:rowOff>133350</xdr:rowOff>
        </xdr:from>
        <xdr:to>
          <xdr:col>24</xdr:col>
          <xdr:colOff>95250</xdr:colOff>
          <xdr:row>97</xdr:row>
          <xdr:rowOff>28575</xdr:rowOff>
        </xdr:to>
        <xdr:sp macro="" textlink="">
          <xdr:nvSpPr>
            <xdr:cNvPr id="1388" name="Check Box 364" hidden="1">
              <a:extLst>
                <a:ext uri="{63B3BB69-23CF-44E3-9099-C40C66FF867C}">
                  <a14:compatExt spid="_x0000_s1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7</xdr:row>
          <xdr:rowOff>152400</xdr:rowOff>
        </xdr:from>
        <xdr:to>
          <xdr:col>24</xdr:col>
          <xdr:colOff>104775</xdr:colOff>
          <xdr:row>99</xdr:row>
          <xdr:rowOff>47625</xdr:rowOff>
        </xdr:to>
        <xdr:sp macro="" textlink="">
          <xdr:nvSpPr>
            <xdr:cNvPr id="1389" name="Check Box 365" hidden="1">
              <a:extLst>
                <a:ext uri="{63B3BB69-23CF-44E3-9099-C40C66FF867C}">
                  <a14:compatExt spid="_x0000_s13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6</xdr:row>
          <xdr:rowOff>152400</xdr:rowOff>
        </xdr:from>
        <xdr:to>
          <xdr:col>25</xdr:col>
          <xdr:colOff>104775</xdr:colOff>
          <xdr:row>98</xdr:row>
          <xdr:rowOff>19050</xdr:rowOff>
        </xdr:to>
        <xdr:sp macro="" textlink="">
          <xdr:nvSpPr>
            <xdr:cNvPr id="1390" name="Check Box 366" hidden="1">
              <a:extLst>
                <a:ext uri="{63B3BB69-23CF-44E3-9099-C40C66FF867C}">
                  <a14:compatExt spid="_x0000_s1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6</xdr:row>
          <xdr:rowOff>152400</xdr:rowOff>
        </xdr:from>
        <xdr:to>
          <xdr:col>29</xdr:col>
          <xdr:colOff>95250</xdr:colOff>
          <xdr:row>98</xdr:row>
          <xdr:rowOff>47625</xdr:rowOff>
        </xdr:to>
        <xdr:sp macro="" textlink="">
          <xdr:nvSpPr>
            <xdr:cNvPr id="1391" name="Check Box 367" hidden="1">
              <a:extLst>
                <a:ext uri="{63B3BB69-23CF-44E3-9099-C40C66FF867C}">
                  <a14:compatExt spid="_x0000_s1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6</xdr:row>
          <xdr:rowOff>133350</xdr:rowOff>
        </xdr:from>
        <xdr:to>
          <xdr:col>33</xdr:col>
          <xdr:colOff>95250</xdr:colOff>
          <xdr:row>98</xdr:row>
          <xdr:rowOff>28575</xdr:rowOff>
        </xdr:to>
        <xdr:sp macro="" textlink="">
          <xdr:nvSpPr>
            <xdr:cNvPr id="1392" name="Check Box 368" hidden="1">
              <a:extLst>
                <a:ext uri="{63B3BB69-23CF-44E3-9099-C40C66FF867C}">
                  <a14:compatExt spid="_x0000_s1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6</xdr:row>
          <xdr:rowOff>133350</xdr:rowOff>
        </xdr:from>
        <xdr:to>
          <xdr:col>37</xdr:col>
          <xdr:colOff>95250</xdr:colOff>
          <xdr:row>98</xdr:row>
          <xdr:rowOff>28575</xdr:rowOff>
        </xdr:to>
        <xdr:sp macro="" textlink="">
          <xdr:nvSpPr>
            <xdr:cNvPr id="1393" name="Check Box 369" hidden="1">
              <a:extLst>
                <a:ext uri="{63B3BB69-23CF-44E3-9099-C40C66FF867C}">
                  <a14:compatExt spid="_x0000_s1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6</xdr:row>
          <xdr:rowOff>133350</xdr:rowOff>
        </xdr:from>
        <xdr:to>
          <xdr:col>41</xdr:col>
          <xdr:colOff>95250</xdr:colOff>
          <xdr:row>98</xdr:row>
          <xdr:rowOff>28575</xdr:rowOff>
        </xdr:to>
        <xdr:sp macro="" textlink="">
          <xdr:nvSpPr>
            <xdr:cNvPr id="1394" name="Check Box 370" hidden="1">
              <a:extLst>
                <a:ext uri="{63B3BB69-23CF-44E3-9099-C40C66FF867C}">
                  <a14:compatExt spid="_x0000_s1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6</xdr:row>
          <xdr:rowOff>152400</xdr:rowOff>
        </xdr:from>
        <xdr:to>
          <xdr:col>45</xdr:col>
          <xdr:colOff>104775</xdr:colOff>
          <xdr:row>98</xdr:row>
          <xdr:rowOff>19050</xdr:rowOff>
        </xdr:to>
        <xdr:sp macro="" textlink="">
          <xdr:nvSpPr>
            <xdr:cNvPr id="1395" name="Check Box 371" hidden="1">
              <a:extLst>
                <a:ext uri="{63B3BB69-23CF-44E3-9099-C40C66FF867C}">
                  <a14:compatExt spid="_x0000_s1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6</xdr:row>
          <xdr:rowOff>142875</xdr:rowOff>
        </xdr:from>
        <xdr:to>
          <xdr:col>49</xdr:col>
          <xdr:colOff>114300</xdr:colOff>
          <xdr:row>98</xdr:row>
          <xdr:rowOff>38100</xdr:rowOff>
        </xdr:to>
        <xdr:sp macro="" textlink="">
          <xdr:nvSpPr>
            <xdr:cNvPr id="1396" name="Check Box 372" hidden="1">
              <a:extLst>
                <a:ext uri="{63B3BB69-23CF-44E3-9099-C40C66FF867C}">
                  <a14:compatExt spid="_x0000_s1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7</xdr:row>
          <xdr:rowOff>142875</xdr:rowOff>
        </xdr:from>
        <xdr:to>
          <xdr:col>30</xdr:col>
          <xdr:colOff>114300</xdr:colOff>
          <xdr:row>99</xdr:row>
          <xdr:rowOff>38100</xdr:rowOff>
        </xdr:to>
        <xdr:sp macro="" textlink="">
          <xdr:nvSpPr>
            <xdr:cNvPr id="1397" name="Check Box 373" hidden="1">
              <a:extLst>
                <a:ext uri="{63B3BB69-23CF-44E3-9099-C40C66FF867C}">
                  <a14:compatExt spid="_x0000_s1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7</xdr:row>
          <xdr:rowOff>152400</xdr:rowOff>
        </xdr:from>
        <xdr:to>
          <xdr:col>41</xdr:col>
          <xdr:colOff>104775</xdr:colOff>
          <xdr:row>99</xdr:row>
          <xdr:rowOff>47625</xdr:rowOff>
        </xdr:to>
        <xdr:sp macro="" textlink="">
          <xdr:nvSpPr>
            <xdr:cNvPr id="1398" name="Check Box 374" hidden="1">
              <a:extLst>
                <a:ext uri="{63B3BB69-23CF-44E3-9099-C40C66FF867C}">
                  <a14:compatExt spid="_x0000_s1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6</xdr:row>
          <xdr:rowOff>9525</xdr:rowOff>
        </xdr:from>
        <xdr:to>
          <xdr:col>24</xdr:col>
          <xdr:colOff>95250</xdr:colOff>
          <xdr:row>107</xdr:row>
          <xdr:rowOff>47625</xdr:rowOff>
        </xdr:to>
        <xdr:sp macro="" textlink="">
          <xdr:nvSpPr>
            <xdr:cNvPr id="1399" name="Check Box 375" hidden="1">
              <a:extLst>
                <a:ext uri="{63B3BB69-23CF-44E3-9099-C40C66FF867C}">
                  <a14:compatExt spid="_x0000_s1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42875</xdr:rowOff>
        </xdr:from>
        <xdr:to>
          <xdr:col>25</xdr:col>
          <xdr:colOff>104775</xdr:colOff>
          <xdr:row>109</xdr:row>
          <xdr:rowOff>38100</xdr:rowOff>
        </xdr:to>
        <xdr:sp macro="" textlink="">
          <xdr:nvSpPr>
            <xdr:cNvPr id="1400" name="Check Box 376" hidden="1">
              <a:extLst>
                <a:ext uri="{63B3BB69-23CF-44E3-9099-C40C66FF867C}">
                  <a14:compatExt spid="_x0000_s1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6</xdr:row>
          <xdr:rowOff>142875</xdr:rowOff>
        </xdr:from>
        <xdr:to>
          <xdr:col>42</xdr:col>
          <xdr:colOff>104775</xdr:colOff>
          <xdr:row>108</xdr:row>
          <xdr:rowOff>38100</xdr:rowOff>
        </xdr:to>
        <xdr:sp macro="" textlink="">
          <xdr:nvSpPr>
            <xdr:cNvPr id="1401" name="Check Box 377" hidden="1">
              <a:extLst>
                <a:ext uri="{63B3BB69-23CF-44E3-9099-C40C66FF867C}">
                  <a14:compatExt spid="_x0000_s1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1402" name="Check Box 378" hidden="1">
              <a:extLst>
                <a:ext uri="{63B3BB69-23CF-44E3-9099-C40C66FF867C}">
                  <a14:compatExt spid="_x0000_s1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1403" name="Check Box 379" hidden="1">
              <a:extLst>
                <a:ext uri="{63B3BB69-23CF-44E3-9099-C40C66FF867C}">
                  <a14:compatExt spid="_x0000_s1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09</xdr:row>
          <xdr:rowOff>142875</xdr:rowOff>
        </xdr:from>
        <xdr:to>
          <xdr:col>24</xdr:col>
          <xdr:colOff>104775</xdr:colOff>
          <xdr:row>111</xdr:row>
          <xdr:rowOff>38100</xdr:rowOff>
        </xdr:to>
        <xdr:sp macro="" textlink="">
          <xdr:nvSpPr>
            <xdr:cNvPr id="1404" name="Check Box 380" hidden="1">
              <a:extLst>
                <a:ext uri="{63B3BB69-23CF-44E3-9099-C40C66FF867C}">
                  <a14:compatExt spid="_x0000_s1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1405" name="Check Box 381" hidden="1">
              <a:extLst>
                <a:ext uri="{63B3BB69-23CF-44E3-9099-C40C66FF867C}">
                  <a14:compatExt spid="_x0000_s1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3</xdr:row>
          <xdr:rowOff>142875</xdr:rowOff>
        </xdr:from>
        <xdr:to>
          <xdr:col>24</xdr:col>
          <xdr:colOff>104775</xdr:colOff>
          <xdr:row>115</xdr:row>
          <xdr:rowOff>38100</xdr:rowOff>
        </xdr:to>
        <xdr:sp macro="" textlink="">
          <xdr:nvSpPr>
            <xdr:cNvPr id="1406" name="Check Box 382" hidden="1">
              <a:extLst>
                <a:ext uri="{63B3BB69-23CF-44E3-9099-C40C66FF867C}">
                  <a14:compatExt spid="_x0000_s1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7</xdr:row>
          <xdr:rowOff>0</xdr:rowOff>
        </xdr:from>
        <xdr:to>
          <xdr:col>24</xdr:col>
          <xdr:colOff>104775</xdr:colOff>
          <xdr:row>118</xdr:row>
          <xdr:rowOff>38100</xdr:rowOff>
        </xdr:to>
        <xdr:sp macro="" textlink="">
          <xdr:nvSpPr>
            <xdr:cNvPr id="1407" name="Check Box 383" hidden="1">
              <a:extLst>
                <a:ext uri="{63B3BB69-23CF-44E3-9099-C40C66FF867C}">
                  <a14:compatExt spid="_x0000_s14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7</xdr:row>
          <xdr:rowOff>142875</xdr:rowOff>
        </xdr:from>
        <xdr:to>
          <xdr:col>31</xdr:col>
          <xdr:colOff>104775</xdr:colOff>
          <xdr:row>119</xdr:row>
          <xdr:rowOff>38100</xdr:rowOff>
        </xdr:to>
        <xdr:sp macro="" textlink="">
          <xdr:nvSpPr>
            <xdr:cNvPr id="1408" name="Check Box 384" hidden="1">
              <a:extLst>
                <a:ext uri="{63B3BB69-23CF-44E3-9099-C40C66FF867C}">
                  <a14:compatExt spid="_x0000_s1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7</xdr:row>
          <xdr:rowOff>142875</xdr:rowOff>
        </xdr:from>
        <xdr:to>
          <xdr:col>38</xdr:col>
          <xdr:colOff>104775</xdr:colOff>
          <xdr:row>119</xdr:row>
          <xdr:rowOff>38100</xdr:rowOff>
        </xdr:to>
        <xdr:sp macro="" textlink="">
          <xdr:nvSpPr>
            <xdr:cNvPr id="1409" name="Check Box 385" hidden="1">
              <a:extLst>
                <a:ext uri="{63B3BB69-23CF-44E3-9099-C40C66FF867C}">
                  <a14:compatExt spid="_x0000_s1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7</xdr:row>
          <xdr:rowOff>142875</xdr:rowOff>
        </xdr:from>
        <xdr:to>
          <xdr:col>47</xdr:col>
          <xdr:colOff>104775</xdr:colOff>
          <xdr:row>119</xdr:row>
          <xdr:rowOff>38100</xdr:rowOff>
        </xdr:to>
        <xdr:sp macro="" textlink="">
          <xdr:nvSpPr>
            <xdr:cNvPr id="1410" name="Check Box 386" hidden="1">
              <a:extLst>
                <a:ext uri="{63B3BB69-23CF-44E3-9099-C40C66FF867C}">
                  <a14:compatExt spid="_x0000_s14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7</xdr:row>
          <xdr:rowOff>161925</xdr:rowOff>
        </xdr:from>
        <xdr:to>
          <xdr:col>25</xdr:col>
          <xdr:colOff>114300</xdr:colOff>
          <xdr:row>119</xdr:row>
          <xdr:rowOff>28575</xdr:rowOff>
        </xdr:to>
        <xdr:sp macro="" textlink="">
          <xdr:nvSpPr>
            <xdr:cNvPr id="1411" name="Check Box 387" hidden="1">
              <a:extLst>
                <a:ext uri="{63B3BB69-23CF-44E3-9099-C40C66FF867C}">
                  <a14:compatExt spid="_x0000_s1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142875</xdr:rowOff>
        </xdr:from>
        <xdr:to>
          <xdr:col>24</xdr:col>
          <xdr:colOff>104775</xdr:colOff>
          <xdr:row>120</xdr:row>
          <xdr:rowOff>38100</xdr:rowOff>
        </xdr:to>
        <xdr:sp macro="" textlink="">
          <xdr:nvSpPr>
            <xdr:cNvPr id="1412" name="Check Box 388" hidden="1">
              <a:extLst>
                <a:ext uri="{63B3BB69-23CF-44E3-9099-C40C66FF867C}">
                  <a14:compatExt spid="_x0000_s1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9</xdr:row>
          <xdr:rowOff>142875</xdr:rowOff>
        </xdr:from>
        <xdr:to>
          <xdr:col>31</xdr:col>
          <xdr:colOff>104775</xdr:colOff>
          <xdr:row>121</xdr:row>
          <xdr:rowOff>38100</xdr:rowOff>
        </xdr:to>
        <xdr:sp macro="" textlink="">
          <xdr:nvSpPr>
            <xdr:cNvPr id="1413" name="Check Box 389" hidden="1">
              <a:extLst>
                <a:ext uri="{63B3BB69-23CF-44E3-9099-C40C66FF867C}">
                  <a14:compatExt spid="_x0000_s14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19</xdr:row>
          <xdr:rowOff>142875</xdr:rowOff>
        </xdr:from>
        <xdr:to>
          <xdr:col>57</xdr:col>
          <xdr:colOff>104775</xdr:colOff>
          <xdr:row>121</xdr:row>
          <xdr:rowOff>38100</xdr:rowOff>
        </xdr:to>
        <xdr:sp macro="" textlink="">
          <xdr:nvSpPr>
            <xdr:cNvPr id="1414" name="Check Box 390" hidden="1">
              <a:extLst>
                <a:ext uri="{63B3BB69-23CF-44E3-9099-C40C66FF867C}">
                  <a14:compatExt spid="_x0000_s1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19</xdr:row>
          <xdr:rowOff>142875</xdr:rowOff>
        </xdr:from>
        <xdr:to>
          <xdr:col>25</xdr:col>
          <xdr:colOff>104775</xdr:colOff>
          <xdr:row>121</xdr:row>
          <xdr:rowOff>38100</xdr:rowOff>
        </xdr:to>
        <xdr:sp macro="" textlink="">
          <xdr:nvSpPr>
            <xdr:cNvPr id="1415" name="Check Box 391" hidden="1">
              <a:extLst>
                <a:ext uri="{63B3BB69-23CF-44E3-9099-C40C66FF867C}">
                  <a14:compatExt spid="_x0000_s1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5</xdr:row>
          <xdr:rowOff>142875</xdr:rowOff>
        </xdr:from>
        <xdr:to>
          <xdr:col>8</xdr:col>
          <xdr:colOff>104775</xdr:colOff>
          <xdr:row>127</xdr:row>
          <xdr:rowOff>38100</xdr:rowOff>
        </xdr:to>
        <xdr:sp macro="" textlink="">
          <xdr:nvSpPr>
            <xdr:cNvPr id="1416" name="Check Box 392" hidden="1">
              <a:extLst>
                <a:ext uri="{63B3BB69-23CF-44E3-9099-C40C66FF867C}">
                  <a14:compatExt spid="_x0000_s14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0</xdr:row>
          <xdr:rowOff>142875</xdr:rowOff>
        </xdr:from>
        <xdr:to>
          <xdr:col>8</xdr:col>
          <xdr:colOff>104775</xdr:colOff>
          <xdr:row>122</xdr:row>
          <xdr:rowOff>38100</xdr:rowOff>
        </xdr:to>
        <xdr:sp macro="" textlink="">
          <xdr:nvSpPr>
            <xdr:cNvPr id="1417" name="Check Box 393" hidden="1">
              <a:extLst>
                <a:ext uri="{63B3BB69-23CF-44E3-9099-C40C66FF867C}">
                  <a14:compatExt spid="_x0000_s14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7</xdr:row>
          <xdr:rowOff>0</xdr:rowOff>
        </xdr:from>
        <xdr:to>
          <xdr:col>8</xdr:col>
          <xdr:colOff>104775</xdr:colOff>
          <xdr:row>118</xdr:row>
          <xdr:rowOff>38100</xdr:rowOff>
        </xdr:to>
        <xdr:sp macro="" textlink="">
          <xdr:nvSpPr>
            <xdr:cNvPr id="1418" name="Check Box 394" hidden="1">
              <a:extLst>
                <a:ext uri="{63B3BB69-23CF-44E3-9099-C40C66FF867C}">
                  <a14:compatExt spid="_x0000_s1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0</xdr:row>
          <xdr:rowOff>142875</xdr:rowOff>
        </xdr:from>
        <xdr:to>
          <xdr:col>24</xdr:col>
          <xdr:colOff>104775</xdr:colOff>
          <xdr:row>122</xdr:row>
          <xdr:rowOff>38100</xdr:rowOff>
        </xdr:to>
        <xdr:sp macro="" textlink="">
          <xdr:nvSpPr>
            <xdr:cNvPr id="1419" name="Check Box 395" hidden="1">
              <a:extLst>
                <a:ext uri="{63B3BB69-23CF-44E3-9099-C40C66FF867C}">
                  <a14:compatExt spid="_x0000_s14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2</xdr:row>
          <xdr:rowOff>161925</xdr:rowOff>
        </xdr:from>
        <xdr:to>
          <xdr:col>24</xdr:col>
          <xdr:colOff>114300</xdr:colOff>
          <xdr:row>124</xdr:row>
          <xdr:rowOff>28575</xdr:rowOff>
        </xdr:to>
        <xdr:sp macro="" textlink="">
          <xdr:nvSpPr>
            <xdr:cNvPr id="1420" name="Check Box 396" hidden="1">
              <a:extLst>
                <a:ext uri="{63B3BB69-23CF-44E3-9099-C40C66FF867C}">
                  <a14:compatExt spid="_x0000_s1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5</xdr:row>
          <xdr:rowOff>142875</xdr:rowOff>
        </xdr:from>
        <xdr:to>
          <xdr:col>24</xdr:col>
          <xdr:colOff>104775</xdr:colOff>
          <xdr:row>127</xdr:row>
          <xdr:rowOff>38100</xdr:rowOff>
        </xdr:to>
        <xdr:sp macro="" textlink="">
          <xdr:nvSpPr>
            <xdr:cNvPr id="1421" name="Check Box 397" hidden="1">
              <a:extLst>
                <a:ext uri="{63B3BB69-23CF-44E3-9099-C40C66FF867C}">
                  <a14:compatExt spid="_x0000_s1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8</xdr:row>
          <xdr:rowOff>142875</xdr:rowOff>
        </xdr:from>
        <xdr:to>
          <xdr:col>24</xdr:col>
          <xdr:colOff>104775</xdr:colOff>
          <xdr:row>130</xdr:row>
          <xdr:rowOff>38100</xdr:rowOff>
        </xdr:to>
        <xdr:sp macro="" textlink="">
          <xdr:nvSpPr>
            <xdr:cNvPr id="1422" name="Check Box 398" hidden="1">
              <a:extLst>
                <a:ext uri="{63B3BB69-23CF-44E3-9099-C40C66FF867C}">
                  <a14:compatExt spid="_x0000_s14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8</xdr:row>
          <xdr:rowOff>142875</xdr:rowOff>
        </xdr:from>
        <xdr:to>
          <xdr:col>8</xdr:col>
          <xdr:colOff>104775</xdr:colOff>
          <xdr:row>130</xdr:row>
          <xdr:rowOff>38100</xdr:rowOff>
        </xdr:to>
        <xdr:sp macro="" textlink="">
          <xdr:nvSpPr>
            <xdr:cNvPr id="1423" name="Check Box 399" hidden="1">
              <a:extLst>
                <a:ext uri="{63B3BB69-23CF-44E3-9099-C40C66FF867C}">
                  <a14:compatExt spid="_x0000_s14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1424" name="Check Box 400" hidden="1">
              <a:extLst>
                <a:ext uri="{63B3BB69-23CF-44E3-9099-C40C66FF867C}">
                  <a14:compatExt spid="_x0000_s14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1425" name="Check Box 401" hidden="1">
              <a:extLst>
                <a:ext uri="{63B3BB69-23CF-44E3-9099-C40C66FF867C}">
                  <a14:compatExt spid="_x0000_s14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0</xdr:row>
          <xdr:rowOff>142875</xdr:rowOff>
        </xdr:from>
        <xdr:to>
          <xdr:col>24</xdr:col>
          <xdr:colOff>104775</xdr:colOff>
          <xdr:row>132</xdr:row>
          <xdr:rowOff>38100</xdr:rowOff>
        </xdr:to>
        <xdr:sp macro="" textlink="">
          <xdr:nvSpPr>
            <xdr:cNvPr id="1426" name="Check Box 402" hidden="1">
              <a:extLst>
                <a:ext uri="{63B3BB69-23CF-44E3-9099-C40C66FF867C}">
                  <a14:compatExt spid="_x0000_s14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1427" name="Check Box 403" hidden="1">
              <a:extLst>
                <a:ext uri="{63B3BB69-23CF-44E3-9099-C40C66FF867C}">
                  <a14:compatExt spid="_x0000_s14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1428" name="Check Box 404" hidden="1">
              <a:extLst>
                <a:ext uri="{63B3BB69-23CF-44E3-9099-C40C66FF867C}">
                  <a14:compatExt spid="_x0000_s14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1429" name="Check Box 405" hidden="1">
              <a:extLst>
                <a:ext uri="{63B3BB69-23CF-44E3-9099-C40C66FF867C}">
                  <a14:compatExt spid="_x0000_s14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1430" name="Check Box 406" hidden="1">
              <a:extLst>
                <a:ext uri="{63B3BB69-23CF-44E3-9099-C40C66FF867C}">
                  <a14:compatExt spid="_x0000_s1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1431" name="Check Box 407" hidden="1">
              <a:extLst>
                <a:ext uri="{63B3BB69-23CF-44E3-9099-C40C66FF867C}">
                  <a14:compatExt spid="_x0000_s14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1432" name="Check Box 408" hidden="1">
              <a:extLst>
                <a:ext uri="{63B3BB69-23CF-44E3-9099-C40C66FF867C}">
                  <a14:compatExt spid="_x0000_s1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1433" name="Check Box 409" hidden="1">
              <a:extLst>
                <a:ext uri="{63B3BB69-23CF-44E3-9099-C40C66FF867C}">
                  <a14:compatExt spid="_x0000_s1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1434" name="Check Box 410" hidden="1">
              <a:extLst>
                <a:ext uri="{63B3BB69-23CF-44E3-9099-C40C66FF867C}">
                  <a14:compatExt spid="_x0000_s14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1435" name="Check Box 411" hidden="1">
              <a:extLst>
                <a:ext uri="{63B3BB69-23CF-44E3-9099-C40C66FF867C}">
                  <a14:compatExt spid="_x0000_s1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1436" name="Check Box 412" hidden="1">
              <a:extLst>
                <a:ext uri="{63B3BB69-23CF-44E3-9099-C40C66FF867C}">
                  <a14:compatExt spid="_x0000_s1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1437" name="Check Box 413" hidden="1">
              <a:extLst>
                <a:ext uri="{63B3BB69-23CF-44E3-9099-C40C66FF867C}">
                  <a14:compatExt spid="_x0000_s14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1438" name="Check Box 414" hidden="1">
              <a:extLst>
                <a:ext uri="{63B3BB69-23CF-44E3-9099-C40C66FF867C}">
                  <a14:compatExt spid="_x0000_s1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1439" name="Check Box 415" hidden="1">
              <a:extLst>
                <a:ext uri="{63B3BB69-23CF-44E3-9099-C40C66FF867C}">
                  <a14:compatExt spid="_x0000_s1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1440" name="Check Box 416" hidden="1">
              <a:extLst>
                <a:ext uri="{63B3BB69-23CF-44E3-9099-C40C66FF867C}">
                  <a14:compatExt spid="_x0000_s14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1441" name="Check Box 417" hidden="1">
              <a:extLst>
                <a:ext uri="{63B3BB69-23CF-44E3-9099-C40C66FF867C}">
                  <a14:compatExt spid="_x0000_s1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8</xdr:row>
          <xdr:rowOff>142875</xdr:rowOff>
        </xdr:from>
        <xdr:to>
          <xdr:col>24</xdr:col>
          <xdr:colOff>114300</xdr:colOff>
          <xdr:row>100</xdr:row>
          <xdr:rowOff>38100</xdr:rowOff>
        </xdr:to>
        <xdr:sp macro="" textlink="">
          <xdr:nvSpPr>
            <xdr:cNvPr id="1442" name="Check Box 418" hidden="1">
              <a:extLst>
                <a:ext uri="{63B3BB69-23CF-44E3-9099-C40C66FF867C}">
                  <a14:compatExt spid="_x0000_s14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1443" name="Check Box 419" hidden="1">
              <a:extLst>
                <a:ext uri="{63B3BB69-23CF-44E3-9099-C40C66FF867C}">
                  <a14:compatExt spid="_x0000_s14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1</xdr:row>
          <xdr:rowOff>142875</xdr:rowOff>
        </xdr:from>
        <xdr:to>
          <xdr:col>24</xdr:col>
          <xdr:colOff>114300</xdr:colOff>
          <xdr:row>103</xdr:row>
          <xdr:rowOff>38100</xdr:rowOff>
        </xdr:to>
        <xdr:sp macro="" textlink="">
          <xdr:nvSpPr>
            <xdr:cNvPr id="1444" name="Check Box 420" hidden="1">
              <a:extLst>
                <a:ext uri="{63B3BB69-23CF-44E3-9099-C40C66FF867C}">
                  <a14:compatExt spid="_x0000_s1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1445" name="Check Box 421" hidden="1">
              <a:extLst>
                <a:ext uri="{63B3BB69-23CF-44E3-9099-C40C66FF867C}">
                  <a14:compatExt spid="_x0000_s14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1446" name="Check Box 422" hidden="1">
              <a:extLst>
                <a:ext uri="{63B3BB69-23CF-44E3-9099-C40C66FF867C}">
                  <a14:compatExt spid="_x0000_s14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1447" name="Check Box 423" hidden="1">
              <a:extLst>
                <a:ext uri="{63B3BB69-23CF-44E3-9099-C40C66FF867C}">
                  <a14:compatExt spid="_x0000_s14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6</xdr:row>
          <xdr:rowOff>152400</xdr:rowOff>
        </xdr:from>
        <xdr:to>
          <xdr:col>25</xdr:col>
          <xdr:colOff>104775</xdr:colOff>
          <xdr:row>108</xdr:row>
          <xdr:rowOff>19050</xdr:rowOff>
        </xdr:to>
        <xdr:sp macro="" textlink="">
          <xdr:nvSpPr>
            <xdr:cNvPr id="1448" name="Check Box 424" hidden="1">
              <a:extLst>
                <a:ext uri="{63B3BB69-23CF-44E3-9099-C40C66FF867C}">
                  <a14:compatExt spid="_x0000_s14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1449" name="Check Box 425" hidden="1">
              <a:extLst>
                <a:ext uri="{63B3BB69-23CF-44E3-9099-C40C66FF867C}">
                  <a14:compatExt spid="_x0000_s14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1450" name="Check Box 426" hidden="1">
              <a:extLst>
                <a:ext uri="{63B3BB69-23CF-44E3-9099-C40C66FF867C}">
                  <a14:compatExt spid="_x0000_s14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1451" name="Check Box 427" hidden="1">
              <a:extLst>
                <a:ext uri="{63B3BB69-23CF-44E3-9099-C40C66FF867C}">
                  <a14:compatExt spid="_x0000_s14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1452" name="Check Box 428" hidden="1">
              <a:extLst>
                <a:ext uri="{63B3BB69-23CF-44E3-9099-C40C66FF867C}">
                  <a14:compatExt spid="_x0000_s14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1453" name="Check Box 429" hidden="1">
              <a:extLst>
                <a:ext uri="{63B3BB69-23CF-44E3-9099-C40C66FF867C}">
                  <a14:compatExt spid="_x0000_s14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1454" name="Check Box 430" hidden="1">
              <a:extLst>
                <a:ext uri="{63B3BB69-23CF-44E3-9099-C40C66FF867C}">
                  <a14:compatExt spid="_x0000_s14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1455" name="Check Box 431" hidden="1">
              <a:extLst>
                <a:ext uri="{63B3BB69-23CF-44E3-9099-C40C66FF867C}">
                  <a14:compatExt spid="_x0000_s14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5</xdr:row>
          <xdr:rowOff>152400</xdr:rowOff>
        </xdr:from>
        <xdr:to>
          <xdr:col>8</xdr:col>
          <xdr:colOff>104775</xdr:colOff>
          <xdr:row>17</xdr:row>
          <xdr:rowOff>19050</xdr:rowOff>
        </xdr:to>
        <xdr:sp macro="" textlink="">
          <xdr:nvSpPr>
            <xdr:cNvPr id="1456" name="Check Box 432" hidden="1">
              <a:extLst>
                <a:ext uri="{63B3BB69-23CF-44E3-9099-C40C66FF867C}">
                  <a14:compatExt spid="_x0000_s14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8</xdr:row>
          <xdr:rowOff>152400</xdr:rowOff>
        </xdr:from>
        <xdr:to>
          <xdr:col>8</xdr:col>
          <xdr:colOff>104775</xdr:colOff>
          <xdr:row>20</xdr:row>
          <xdr:rowOff>19050</xdr:rowOff>
        </xdr:to>
        <xdr:sp macro="" textlink="">
          <xdr:nvSpPr>
            <xdr:cNvPr id="1457" name="Check Box 433" hidden="1">
              <a:extLst>
                <a:ext uri="{63B3BB69-23CF-44E3-9099-C40C66FF867C}">
                  <a14:compatExt spid="_x0000_s14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0</xdr:row>
          <xdr:rowOff>152400</xdr:rowOff>
        </xdr:from>
        <xdr:to>
          <xdr:col>8</xdr:col>
          <xdr:colOff>104775</xdr:colOff>
          <xdr:row>22</xdr:row>
          <xdr:rowOff>19050</xdr:rowOff>
        </xdr:to>
        <xdr:sp macro="" textlink="">
          <xdr:nvSpPr>
            <xdr:cNvPr id="1458" name="Check Box 434" hidden="1">
              <a:extLst>
                <a:ext uri="{63B3BB69-23CF-44E3-9099-C40C66FF867C}">
                  <a14:compatExt spid="_x0000_s14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1</xdr:row>
          <xdr:rowOff>152400</xdr:rowOff>
        </xdr:from>
        <xdr:to>
          <xdr:col>8</xdr:col>
          <xdr:colOff>104775</xdr:colOff>
          <xdr:row>23</xdr:row>
          <xdr:rowOff>19050</xdr:rowOff>
        </xdr:to>
        <xdr:sp macro="" textlink="">
          <xdr:nvSpPr>
            <xdr:cNvPr id="1459" name="Check Box 435" hidden="1">
              <a:extLst>
                <a:ext uri="{63B3BB69-23CF-44E3-9099-C40C66FF867C}">
                  <a14:compatExt spid="_x0000_s14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3</xdr:row>
          <xdr:rowOff>152400</xdr:rowOff>
        </xdr:from>
        <xdr:to>
          <xdr:col>8</xdr:col>
          <xdr:colOff>104775</xdr:colOff>
          <xdr:row>25</xdr:row>
          <xdr:rowOff>19050</xdr:rowOff>
        </xdr:to>
        <xdr:sp macro="" textlink="">
          <xdr:nvSpPr>
            <xdr:cNvPr id="1460" name="Check Box 436" hidden="1">
              <a:extLst>
                <a:ext uri="{63B3BB69-23CF-44E3-9099-C40C66FF867C}">
                  <a14:compatExt spid="_x0000_s14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5</xdr:row>
          <xdr:rowOff>152400</xdr:rowOff>
        </xdr:from>
        <xdr:to>
          <xdr:col>8</xdr:col>
          <xdr:colOff>104775</xdr:colOff>
          <xdr:row>27</xdr:row>
          <xdr:rowOff>19050</xdr:rowOff>
        </xdr:to>
        <xdr:sp macro="" textlink="">
          <xdr:nvSpPr>
            <xdr:cNvPr id="1461" name="Check Box 437" hidden="1">
              <a:extLst>
                <a:ext uri="{63B3BB69-23CF-44E3-9099-C40C66FF867C}">
                  <a14:compatExt spid="_x0000_s14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9</xdr:row>
          <xdr:rowOff>152400</xdr:rowOff>
        </xdr:from>
        <xdr:to>
          <xdr:col>8</xdr:col>
          <xdr:colOff>104775</xdr:colOff>
          <xdr:row>31</xdr:row>
          <xdr:rowOff>19050</xdr:rowOff>
        </xdr:to>
        <xdr:sp macro="" textlink="">
          <xdr:nvSpPr>
            <xdr:cNvPr id="1462" name="Check Box 438" hidden="1">
              <a:extLst>
                <a:ext uri="{63B3BB69-23CF-44E3-9099-C40C66FF867C}">
                  <a14:compatExt spid="_x0000_s14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xdr:row>
          <xdr:rowOff>152400</xdr:rowOff>
        </xdr:from>
        <xdr:to>
          <xdr:col>8</xdr:col>
          <xdr:colOff>104775</xdr:colOff>
          <xdr:row>10</xdr:row>
          <xdr:rowOff>19050</xdr:rowOff>
        </xdr:to>
        <xdr:sp macro="" textlink="">
          <xdr:nvSpPr>
            <xdr:cNvPr id="1463" name="Check Box 439" hidden="1">
              <a:extLst>
                <a:ext uri="{63B3BB69-23CF-44E3-9099-C40C66FF867C}">
                  <a14:compatExt spid="_x0000_s14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5</xdr:row>
          <xdr:rowOff>161925</xdr:rowOff>
        </xdr:from>
        <xdr:to>
          <xdr:col>24</xdr:col>
          <xdr:colOff>114300</xdr:colOff>
          <xdr:row>7</xdr:row>
          <xdr:rowOff>28575</xdr:rowOff>
        </xdr:to>
        <xdr:sp macro="" textlink="">
          <xdr:nvSpPr>
            <xdr:cNvPr id="1464" name="Check Box 440" hidden="1">
              <a:extLst>
                <a:ext uri="{63B3BB69-23CF-44E3-9099-C40C66FF867C}">
                  <a14:compatExt spid="_x0000_s14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0</xdr:row>
          <xdr:rowOff>152400</xdr:rowOff>
        </xdr:from>
        <xdr:to>
          <xdr:col>24</xdr:col>
          <xdr:colOff>104775</xdr:colOff>
          <xdr:row>52</xdr:row>
          <xdr:rowOff>38100</xdr:rowOff>
        </xdr:to>
        <xdr:sp macro="" textlink="">
          <xdr:nvSpPr>
            <xdr:cNvPr id="1465" name="Check Box 441" hidden="1">
              <a:extLst>
                <a:ext uri="{63B3BB69-23CF-44E3-9099-C40C66FF867C}">
                  <a14:compatExt spid="_x0000_s1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1466" name="Check Box 442" hidden="1">
              <a:extLst>
                <a:ext uri="{63B3BB69-23CF-44E3-9099-C40C66FF867C}">
                  <a14:compatExt spid="_x0000_s1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9</xdr:row>
          <xdr:rowOff>152400</xdr:rowOff>
        </xdr:from>
        <xdr:to>
          <xdr:col>24</xdr:col>
          <xdr:colOff>104775</xdr:colOff>
          <xdr:row>61</xdr:row>
          <xdr:rowOff>38100</xdr:rowOff>
        </xdr:to>
        <xdr:sp macro="" textlink="">
          <xdr:nvSpPr>
            <xdr:cNvPr id="1467" name="Check Box 443" hidden="1">
              <a:extLst>
                <a:ext uri="{63B3BB69-23CF-44E3-9099-C40C66FF867C}">
                  <a14:compatExt spid="_x0000_s1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1468" name="Check Box 444" hidden="1">
              <a:extLst>
                <a:ext uri="{63B3BB69-23CF-44E3-9099-C40C66FF867C}">
                  <a14:compatExt spid="_x0000_s1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1469" name="Check Box 445" hidden="1">
              <a:extLst>
                <a:ext uri="{63B3BB69-23CF-44E3-9099-C40C66FF867C}">
                  <a14:compatExt spid="_x0000_s1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5</xdr:row>
          <xdr:rowOff>133350</xdr:rowOff>
        </xdr:from>
        <xdr:to>
          <xdr:col>8</xdr:col>
          <xdr:colOff>104775</xdr:colOff>
          <xdr:row>97</xdr:row>
          <xdr:rowOff>47625</xdr:rowOff>
        </xdr:to>
        <xdr:sp macro="" textlink="">
          <xdr:nvSpPr>
            <xdr:cNvPr id="1470" name="Check Box 446" hidden="1">
              <a:extLst>
                <a:ext uri="{63B3BB69-23CF-44E3-9099-C40C66FF867C}">
                  <a14:compatExt spid="_x0000_s1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1</xdr:row>
          <xdr:rowOff>133350</xdr:rowOff>
        </xdr:from>
        <xdr:to>
          <xdr:col>8</xdr:col>
          <xdr:colOff>104775</xdr:colOff>
          <xdr:row>103</xdr:row>
          <xdr:rowOff>47625</xdr:rowOff>
        </xdr:to>
        <xdr:sp macro="" textlink="">
          <xdr:nvSpPr>
            <xdr:cNvPr id="1471" name="Check Box 447" hidden="1">
              <a:extLst>
                <a:ext uri="{63B3BB69-23CF-44E3-9099-C40C66FF867C}">
                  <a14:compatExt spid="_x0000_s1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0</xdr:row>
          <xdr:rowOff>161925</xdr:rowOff>
        </xdr:from>
        <xdr:to>
          <xdr:col>8</xdr:col>
          <xdr:colOff>104775</xdr:colOff>
          <xdr:row>2</xdr:row>
          <xdr:rowOff>28575</xdr:rowOff>
        </xdr:to>
        <xdr:sp macro="" textlink="">
          <xdr:nvSpPr>
            <xdr:cNvPr id="1472" name="Check Box 448" hidden="1">
              <a:extLst>
                <a:ext uri="{63B3BB69-23CF-44E3-9099-C40C66FF867C}">
                  <a14:compatExt spid="_x0000_s14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xdr:row>
          <xdr:rowOff>161925</xdr:rowOff>
        </xdr:from>
        <xdr:to>
          <xdr:col>8</xdr:col>
          <xdr:colOff>104775</xdr:colOff>
          <xdr:row>3</xdr:row>
          <xdr:rowOff>28575</xdr:rowOff>
        </xdr:to>
        <xdr:sp macro="" textlink="">
          <xdr:nvSpPr>
            <xdr:cNvPr id="1473" name="Check Box 449" hidden="1">
              <a:extLst>
                <a:ext uri="{63B3BB69-23CF-44E3-9099-C40C66FF867C}">
                  <a14:compatExt spid="_x0000_s14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1474" name="Check Box 450" hidden="1">
              <a:extLst>
                <a:ext uri="{63B3BB69-23CF-44E3-9099-C40C66FF867C}">
                  <a14:compatExt spid="_x0000_s14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1475" name="Check Box 451" hidden="1">
              <a:extLst>
                <a:ext uri="{63B3BB69-23CF-44E3-9099-C40C66FF867C}">
                  <a14:compatExt spid="_x0000_s14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1476" name="Check Box 452" hidden="1">
              <a:extLst>
                <a:ext uri="{63B3BB69-23CF-44E3-9099-C40C66FF867C}">
                  <a14:compatExt spid="_x0000_s14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1477" name="Check Box 453" hidden="1">
              <a:extLst>
                <a:ext uri="{63B3BB69-23CF-44E3-9099-C40C66FF867C}">
                  <a14:compatExt spid="_x0000_s14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5</xdr:row>
          <xdr:rowOff>142875</xdr:rowOff>
        </xdr:from>
        <xdr:to>
          <xdr:col>8</xdr:col>
          <xdr:colOff>104775</xdr:colOff>
          <xdr:row>107</xdr:row>
          <xdr:rowOff>38100</xdr:rowOff>
        </xdr:to>
        <xdr:sp macro="" textlink="">
          <xdr:nvSpPr>
            <xdr:cNvPr id="1478" name="Check Box 454" hidden="1">
              <a:extLst>
                <a:ext uri="{63B3BB69-23CF-44E3-9099-C40C66FF867C}">
                  <a14:compatExt spid="_x0000_s14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9</xdr:row>
          <xdr:rowOff>142875</xdr:rowOff>
        </xdr:from>
        <xdr:to>
          <xdr:col>8</xdr:col>
          <xdr:colOff>104775</xdr:colOff>
          <xdr:row>111</xdr:row>
          <xdr:rowOff>38100</xdr:rowOff>
        </xdr:to>
        <xdr:sp macro="" textlink="">
          <xdr:nvSpPr>
            <xdr:cNvPr id="1479" name="Check Box 455" hidden="1">
              <a:extLst>
                <a:ext uri="{63B3BB69-23CF-44E3-9099-C40C66FF867C}">
                  <a14:compatExt spid="_x0000_s14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1</xdr:row>
          <xdr:rowOff>142875</xdr:rowOff>
        </xdr:from>
        <xdr:to>
          <xdr:col>8</xdr:col>
          <xdr:colOff>104775</xdr:colOff>
          <xdr:row>113</xdr:row>
          <xdr:rowOff>38100</xdr:rowOff>
        </xdr:to>
        <xdr:sp macro="" textlink="">
          <xdr:nvSpPr>
            <xdr:cNvPr id="1480" name="Check Box 456" hidden="1">
              <a:extLst>
                <a:ext uri="{63B3BB69-23CF-44E3-9099-C40C66FF867C}">
                  <a14:compatExt spid="_x0000_s14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1481" name="Check Box 457" hidden="1">
              <a:extLst>
                <a:ext uri="{63B3BB69-23CF-44E3-9099-C40C66FF867C}">
                  <a14:compatExt spid="_x0000_s14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1482" name="Check Box 458" hidden="1">
              <a:extLst>
                <a:ext uri="{63B3BB69-23CF-44E3-9099-C40C66FF867C}">
                  <a14:compatExt spid="_x0000_s14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3</xdr:row>
          <xdr:rowOff>9525</xdr:rowOff>
        </xdr:from>
        <xdr:to>
          <xdr:col>8</xdr:col>
          <xdr:colOff>104775</xdr:colOff>
          <xdr:row>44</xdr:row>
          <xdr:rowOff>47625</xdr:rowOff>
        </xdr:to>
        <xdr:sp macro="" textlink="">
          <xdr:nvSpPr>
            <xdr:cNvPr id="1483" name="Check Box 459" hidden="1">
              <a:extLst>
                <a:ext uri="{63B3BB69-23CF-44E3-9099-C40C66FF867C}">
                  <a14:compatExt spid="_x0000_s14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1484" name="Check Box 460" hidden="1">
              <a:extLst>
                <a:ext uri="{63B3BB69-23CF-44E3-9099-C40C66FF867C}">
                  <a14:compatExt spid="_x0000_s14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1485" name="Check Box 461" hidden="1">
              <a:extLst>
                <a:ext uri="{63B3BB69-23CF-44E3-9099-C40C66FF867C}">
                  <a14:compatExt spid="_x0000_s14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1486" name="Check Box 462" hidden="1">
              <a:extLst>
                <a:ext uri="{63B3BB69-23CF-44E3-9099-C40C66FF867C}">
                  <a14:compatExt spid="_x0000_s14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1487" name="Check Box 463" hidden="1">
              <a:extLst>
                <a:ext uri="{63B3BB69-23CF-44E3-9099-C40C66FF867C}">
                  <a14:compatExt spid="_x0000_s14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1488" name="Check Box 464" hidden="1">
              <a:extLst>
                <a:ext uri="{63B3BB69-23CF-44E3-9099-C40C66FF867C}">
                  <a14:compatExt spid="_x0000_s14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1489" name="Check Box 465" hidden="1">
              <a:extLst>
                <a:ext uri="{63B3BB69-23CF-44E3-9099-C40C66FF867C}">
                  <a14:compatExt spid="_x0000_s14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1490" name="Check Box 466" hidden="1">
              <a:extLst>
                <a:ext uri="{63B3BB69-23CF-44E3-9099-C40C66FF867C}">
                  <a14:compatExt spid="_x0000_s14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1491" name="Check Box 467" hidden="1">
              <a:extLst>
                <a:ext uri="{63B3BB69-23CF-44E3-9099-C40C66FF867C}">
                  <a14:compatExt spid="_x0000_s14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1492" name="Check Box 468" hidden="1">
              <a:extLst>
                <a:ext uri="{63B3BB69-23CF-44E3-9099-C40C66FF867C}">
                  <a14:compatExt spid="_x0000_s14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471" name="Text Box 476"/>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1493" name="Check Box 469" hidden="1">
              <a:extLst>
                <a:ext uri="{63B3BB69-23CF-44E3-9099-C40C66FF867C}">
                  <a14:compatExt spid="_x0000_s14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52400</xdr:rowOff>
        </xdr:from>
        <xdr:to>
          <xdr:col>24</xdr:col>
          <xdr:colOff>114300</xdr:colOff>
          <xdr:row>5</xdr:row>
          <xdr:rowOff>19050</xdr:rowOff>
        </xdr:to>
        <xdr:sp macro="" textlink="">
          <xdr:nvSpPr>
            <xdr:cNvPr id="1494" name="Check Box 470" hidden="1">
              <a:extLst>
                <a:ext uri="{63B3BB69-23CF-44E3-9099-C40C66FF867C}">
                  <a14:compatExt spid="_x0000_s14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xdr:row>
          <xdr:rowOff>152400</xdr:rowOff>
        </xdr:from>
        <xdr:to>
          <xdr:col>8</xdr:col>
          <xdr:colOff>104775</xdr:colOff>
          <xdr:row>6</xdr:row>
          <xdr:rowOff>19050</xdr:rowOff>
        </xdr:to>
        <xdr:sp macro="" textlink="">
          <xdr:nvSpPr>
            <xdr:cNvPr id="1495" name="Check Box 471" hidden="1">
              <a:extLst>
                <a:ext uri="{63B3BB69-23CF-44E3-9099-C40C66FF867C}">
                  <a14:compatExt spid="_x0000_s14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xdr:row>
          <xdr:rowOff>152400</xdr:rowOff>
        </xdr:from>
        <xdr:to>
          <xdr:col>24</xdr:col>
          <xdr:colOff>114300</xdr:colOff>
          <xdr:row>6</xdr:row>
          <xdr:rowOff>19050</xdr:rowOff>
        </xdr:to>
        <xdr:sp macro="" textlink="">
          <xdr:nvSpPr>
            <xdr:cNvPr id="1496" name="Check Box 472" hidden="1">
              <a:extLst>
                <a:ext uri="{63B3BB69-23CF-44E3-9099-C40C66FF867C}">
                  <a14:compatExt spid="_x0000_s14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4</xdr:row>
          <xdr:rowOff>152400</xdr:rowOff>
        </xdr:from>
        <xdr:to>
          <xdr:col>38</xdr:col>
          <xdr:colOff>114300</xdr:colOff>
          <xdr:row>6</xdr:row>
          <xdr:rowOff>19050</xdr:rowOff>
        </xdr:to>
        <xdr:sp macro="" textlink="">
          <xdr:nvSpPr>
            <xdr:cNvPr id="1497" name="Check Box 473" hidden="1">
              <a:extLst>
                <a:ext uri="{63B3BB69-23CF-44E3-9099-C40C66FF867C}">
                  <a14:compatExt spid="_x0000_s14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5</xdr:row>
          <xdr:rowOff>152400</xdr:rowOff>
        </xdr:from>
        <xdr:to>
          <xdr:col>38</xdr:col>
          <xdr:colOff>114300</xdr:colOff>
          <xdr:row>7</xdr:row>
          <xdr:rowOff>19050</xdr:rowOff>
        </xdr:to>
        <xdr:sp macro="" textlink="">
          <xdr:nvSpPr>
            <xdr:cNvPr id="1498" name="Check Box 474" hidden="1">
              <a:extLst>
                <a:ext uri="{63B3BB69-23CF-44E3-9099-C40C66FF867C}">
                  <a14:compatExt spid="_x0000_s14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1499" name="Check Box 475" hidden="1">
              <a:extLst>
                <a:ext uri="{63B3BB69-23CF-44E3-9099-C40C66FF867C}">
                  <a14:compatExt spid="_x0000_s14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1500" name="Check Box 476" hidden="1">
              <a:extLst>
                <a:ext uri="{63B3BB69-23CF-44E3-9099-C40C66FF867C}">
                  <a14:compatExt spid="_x0000_s1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1501" name="Check Box 477" hidden="1">
              <a:extLst>
                <a:ext uri="{63B3BB69-23CF-44E3-9099-C40C66FF867C}">
                  <a14:compatExt spid="_x0000_s1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1502" name="Check Box 478" hidden="1">
              <a:extLst>
                <a:ext uri="{63B3BB69-23CF-44E3-9099-C40C66FF867C}">
                  <a14:compatExt spid="_x0000_s1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1503" name="Check Box 479" hidden="1">
              <a:extLst>
                <a:ext uri="{63B3BB69-23CF-44E3-9099-C40C66FF867C}">
                  <a14:compatExt spid="_x0000_s15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1504" name="Check Box 480" hidden="1">
              <a:extLst>
                <a:ext uri="{63B3BB69-23CF-44E3-9099-C40C66FF867C}">
                  <a14:compatExt spid="_x0000_s15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1505" name="Check Box 481" hidden="1">
              <a:extLst>
                <a:ext uri="{63B3BB69-23CF-44E3-9099-C40C66FF867C}">
                  <a14:compatExt spid="_x0000_s1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1506" name="Check Box 482" hidden="1">
              <a:extLst>
                <a:ext uri="{63B3BB69-23CF-44E3-9099-C40C66FF867C}">
                  <a14:compatExt spid="_x0000_s1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31</xdr:row>
          <xdr:rowOff>133350</xdr:rowOff>
        </xdr:from>
        <xdr:to>
          <xdr:col>25</xdr:col>
          <xdr:colOff>85725</xdr:colOff>
          <xdr:row>133</xdr:row>
          <xdr:rowOff>28575</xdr:rowOff>
        </xdr:to>
        <xdr:sp macro="" textlink="">
          <xdr:nvSpPr>
            <xdr:cNvPr id="1507" name="Check Box 483" hidden="1">
              <a:extLst>
                <a:ext uri="{63B3BB69-23CF-44E3-9099-C40C66FF867C}">
                  <a14:compatExt spid="_x0000_s1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131</xdr:row>
          <xdr:rowOff>133350</xdr:rowOff>
        </xdr:from>
        <xdr:to>
          <xdr:col>37</xdr:col>
          <xdr:colOff>95250</xdr:colOff>
          <xdr:row>133</xdr:row>
          <xdr:rowOff>28575</xdr:rowOff>
        </xdr:to>
        <xdr:sp macro="" textlink="">
          <xdr:nvSpPr>
            <xdr:cNvPr id="1508" name="Check Box 484" hidden="1">
              <a:extLst>
                <a:ext uri="{63B3BB69-23CF-44E3-9099-C40C66FF867C}">
                  <a14:compatExt spid="_x0000_s1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31</xdr:row>
          <xdr:rowOff>133350</xdr:rowOff>
        </xdr:from>
        <xdr:to>
          <xdr:col>25</xdr:col>
          <xdr:colOff>85725</xdr:colOff>
          <xdr:row>133</xdr:row>
          <xdr:rowOff>28575</xdr:rowOff>
        </xdr:to>
        <xdr:sp macro="" textlink="">
          <xdr:nvSpPr>
            <xdr:cNvPr id="1509" name="Check Box 485" hidden="1">
              <a:extLst>
                <a:ext uri="{63B3BB69-23CF-44E3-9099-C40C66FF867C}">
                  <a14:compatExt spid="_x0000_s15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131</xdr:row>
          <xdr:rowOff>133350</xdr:rowOff>
        </xdr:from>
        <xdr:to>
          <xdr:col>37</xdr:col>
          <xdr:colOff>95250</xdr:colOff>
          <xdr:row>133</xdr:row>
          <xdr:rowOff>28575</xdr:rowOff>
        </xdr:to>
        <xdr:sp macro="" textlink="">
          <xdr:nvSpPr>
            <xdr:cNvPr id="1510" name="Check Box 486" hidden="1">
              <a:extLst>
                <a:ext uri="{63B3BB69-23CF-44E3-9099-C40C66FF867C}">
                  <a14:compatExt spid="_x0000_s1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42875</xdr:colOff>
          <xdr:row>131</xdr:row>
          <xdr:rowOff>142875</xdr:rowOff>
        </xdr:from>
        <xdr:to>
          <xdr:col>30</xdr:col>
          <xdr:colOff>76200</xdr:colOff>
          <xdr:row>133</xdr:row>
          <xdr:rowOff>38100</xdr:rowOff>
        </xdr:to>
        <xdr:sp macro="" textlink="">
          <xdr:nvSpPr>
            <xdr:cNvPr id="1511" name="Check Box 487" hidden="1">
              <a:extLst>
                <a:ext uri="{63B3BB69-23CF-44E3-9099-C40C66FF867C}">
                  <a14:compatExt spid="_x0000_s15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1512" name="Check Box 488" hidden="1">
              <a:extLst>
                <a:ext uri="{63B3BB69-23CF-44E3-9099-C40C66FF867C}">
                  <a14:compatExt spid="_x0000_s15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152400</xdr:rowOff>
        </xdr:from>
        <xdr:to>
          <xdr:col>8</xdr:col>
          <xdr:colOff>104775</xdr:colOff>
          <xdr:row>16</xdr:row>
          <xdr:rowOff>19050</xdr:rowOff>
        </xdr:to>
        <xdr:sp macro="" textlink="">
          <xdr:nvSpPr>
            <xdr:cNvPr id="1513" name="Check Box 489" hidden="1">
              <a:extLst>
                <a:ext uri="{63B3BB69-23CF-44E3-9099-C40C66FF867C}">
                  <a14:compatExt spid="_x0000_s1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142875</xdr:colOff>
          <xdr:row>14</xdr:row>
          <xdr:rowOff>133350</xdr:rowOff>
        </xdr:from>
        <xdr:to>
          <xdr:col>54</xdr:col>
          <xdr:colOff>85725</xdr:colOff>
          <xdr:row>16</xdr:row>
          <xdr:rowOff>19050</xdr:rowOff>
        </xdr:to>
        <xdr:sp macro="" textlink="">
          <xdr:nvSpPr>
            <xdr:cNvPr id="1514" name="Check Box 490" hidden="1">
              <a:extLst>
                <a:ext uri="{63B3BB69-23CF-44E3-9099-C40C66FF867C}">
                  <a14:compatExt spid="_x0000_s1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xdr:row>
          <xdr:rowOff>142875</xdr:rowOff>
        </xdr:from>
        <xdr:to>
          <xdr:col>24</xdr:col>
          <xdr:colOff>104775</xdr:colOff>
          <xdr:row>16</xdr:row>
          <xdr:rowOff>9525</xdr:rowOff>
        </xdr:to>
        <xdr:sp macro="" textlink="">
          <xdr:nvSpPr>
            <xdr:cNvPr id="1515" name="Check Box 491" hidden="1">
              <a:extLst>
                <a:ext uri="{63B3BB69-23CF-44E3-9099-C40C66FF867C}">
                  <a14:compatExt spid="_x0000_s15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T:\Users\i96015\AppData\Local\Temp\notes6030C8\SAS&#22338;&#27743;&#27700;&#38272;&#22679;&#35373;\&#26157;&#38651;&#12486;&#12483;&#12463;\&#38651;&#27671;&#25968;&#37327;&#38598;&#35336;&#34920;.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T:\Users\i96015\AppData\Local\Temp\notes6030C8\&#37329;&#20837;&#35373;&#35336;&#26360;&#65288;&#20195;&#20385;&#34920;&#12469;&#12531;&#12503;&#12523;&#65289;.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Pc03\e\&#28580;&#30000;&#25972;&#20633;&#24037;&#20107;&#38306;&#36899;\H16&#25972;&#20633;&#24037;&#20107;\&#37326;&#38291;&#22524;&#29305;&#20462;\&#24418;&#21407;&#28207;&#21271;&#27231;&#22120;&#25764;&#21435;.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Pc05\F\&#26397;&#26085;&#23567;&#25552;&#20986;&#29992;\&#26397;&#26085;&#23567;&#23398;&#26657;&#20870;&#24418;&#26657;&#33294;&#23567;&#35215;&#27169;&#25913;&#20462;&#24037;&#20107;\&#35373;&#35336;&#29992;&#32025;(Excel)&#65420;&#65439;&#65432;&#65437;&#65408;&#21517;&#31216;&#12395;&#27880;&#24847;&#12375;&#12390;&#19979;&#12373;&#12356;&#12290;\My%20Documents\&#22793;&#26356;&#32076;&#36027;.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T:\02_&#19979;&#27700;&#26045;&#35373;&#20418;\05_&#20491;&#20154;&#12501;&#12457;&#12523;&#12480;\&#35895;&#21475;\H29&#24037;&#20107;\%2311&#23567;&#20489;&#26032;&#30000;&#22320;&#19979;&#12509;&#12531;&#12503;\&#20844;&#21578;&#29992;\&#27231;&#26800;&#25968;&#37327;&#35336;&#31639;&#26360;.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F:\WINDOWS\&#65411;&#65438;&#65405;&#65400;&#65412;&#65391;&#65420;&#65439;\&#35373;&#35336;&#29992;&#32025;(Excel)&#65420;&#65439;&#65432;&#65437;&#65408;&#21517;&#31216;&#12395;&#27880;&#24847;&#12375;&#12390;&#19979;&#12373;&#12356;&#12290;\My%20Documents\&#22793;&#26356;&#32076;&#36027;.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Pc05\F\WINDOWS\&#65411;&#65438;&#65405;&#65400;&#65412;&#65391;&#65420;&#65439;\&#35373;&#35336;&#29992;&#32025;(Excel)&#65420;&#65439;&#65432;&#65437;&#65408;&#21517;&#31216;&#12395;&#27880;&#24847;&#12375;&#12390;&#19979;&#12373;&#12356;&#12290;\My%20Documents\&#22793;&#26356;&#32076;&#36027;.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T:\EXCEL_DAT\&#20869;&#35379;&#35336;&#31639;&#26360;\&#21336;&#20385;&#34920;&#12289;&#25490;&#27700;&#26717;&#20195;&#20385;&#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V:\&#23567;&#26494;&#24066;\&#25552;&#20986;&#29992;\&#21335;&#37096;&#65328;&#65331;\&#21335;&#37096;&#35373;&#35336;&#26360;.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V:\&#23567;&#26494;&#24066;\&#25552;&#20986;&#29992;\&#21335;&#37096;&#65328;&#65331;\&#21069;&#24029;&#24037;&#20107;.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F:\&#65320;&#65305;&#26360;&#39006;\&#31309;&#31639;\&#39321;&#20303;&#21271;&#29305;&#20462;&#31309;&#31639;.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内訳書"/>
      <sheetName val="一位代価"/>
      <sheetName val="電気数量"/>
    </sheetNames>
    <sheetDataSet>
      <sheetData sheetId="0" refreshError="1"/>
      <sheetData sheetId="1" refreshError="1"/>
      <sheetData sheetId="2" refreshError="1"/>
      <sheetData sheetId="3"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員集"/>
      <sheetName val="機械機器据付工"/>
      <sheetName val="小配管"/>
      <sheetName val="鋳(35０以下)集"/>
      <sheetName val="鋳（350以下)口径"/>
      <sheetName val="鋳（350以下)弁材料"/>
      <sheetName val="鋳（350以下)弁口径"/>
      <sheetName val="鋳(350以下）拾表"/>
      <sheetName val="鋼管布設集計"/>
      <sheetName val="鋼管接合集計"/>
      <sheetName val="鋼管材料集計"/>
      <sheetName val="鋼管計算書"/>
      <sheetName val="ダクト集計"/>
      <sheetName val="ダクト計算"/>
      <sheetName val="小配管据付工"/>
      <sheetName val="小配管据付工(4)"/>
      <sheetName val="据付集計"/>
      <sheetName val="弁類集計"/>
      <sheetName val="小配管計算書"/>
      <sheetName val="被覆集"/>
      <sheetName val="集計表"/>
      <sheetName val="配管数量"/>
      <sheetName val="鋼製加工品"/>
      <sheetName val="複合工集計"/>
    </sheetNames>
    <definedNames>
      <definedName name="テスト" refersTo="#REF!" sheetId="21"/>
      <definedName name="テスト１" refersTo="#REF!" sheetId="21"/>
      <definedName name="てすと１" refersTo="#REF!" sheetId="21"/>
      <definedName name="テスト２" refersTo="#REF!" sheetId="21"/>
      <definedName name="てすと２" refersTo="#REF!" sheetId="21"/>
      <definedName name="テスト３" refersTo="#REF!" sheetId="21"/>
      <definedName name="てすと３" refersTo="#REF!" sheetId="21"/>
      <definedName name="テスト４" refersTo="#REF!" sheetId="21"/>
      <definedName name="てすと８" refersTo="#REF!" sheetId="21"/>
      <definedName name="仮囲い" refersTo="#REF!" sheetId="21"/>
      <definedName name="仮囲い１" refersTo="#REF!" sheetId="21"/>
      <definedName name="仮囲い２" refersTo="#REF!" sheetId="21"/>
      <definedName name="仮囲い３" refersTo="#REF!" sheetId="21"/>
      <definedName name="仮囲い４" refersTo="#REF!" sheetId="21"/>
      <definedName name="仮囲い５" refersTo="#REF!" sheetId="21"/>
      <definedName name="処分費" refersTo="#REF!" sheetId="21"/>
      <definedName name="処分費１" refersTo="#REF!" sheetId="21"/>
      <definedName name="処分費２" refersTo="#REF!" sheetId="21"/>
      <definedName name="処分費３" refersTo="#REF!" sheetId="21"/>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 val="設計書入力"/>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 val="工事総括"/>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 sheetId="3"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 val="#REF"/>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17" Type="http://schemas.openxmlformats.org/officeDocument/2006/relationships/ctrlProp" Target="../ctrlProps/ctrlProp114.xml"/><Relationship Id="rId299" Type="http://schemas.openxmlformats.org/officeDocument/2006/relationships/ctrlProp" Target="../ctrlProps/ctrlProp296.xml"/><Relationship Id="rId21" Type="http://schemas.openxmlformats.org/officeDocument/2006/relationships/ctrlProp" Target="../ctrlProps/ctrlProp18.xml"/><Relationship Id="rId63" Type="http://schemas.openxmlformats.org/officeDocument/2006/relationships/ctrlProp" Target="../ctrlProps/ctrlProp60.xml"/><Relationship Id="rId159" Type="http://schemas.openxmlformats.org/officeDocument/2006/relationships/ctrlProp" Target="../ctrlProps/ctrlProp156.xml"/><Relationship Id="rId324" Type="http://schemas.openxmlformats.org/officeDocument/2006/relationships/ctrlProp" Target="../ctrlProps/ctrlProp321.xml"/><Relationship Id="rId366" Type="http://schemas.openxmlformats.org/officeDocument/2006/relationships/ctrlProp" Target="../ctrlProps/ctrlProp363.xml"/><Relationship Id="rId170" Type="http://schemas.openxmlformats.org/officeDocument/2006/relationships/ctrlProp" Target="../ctrlProps/ctrlProp167.xml"/><Relationship Id="rId226" Type="http://schemas.openxmlformats.org/officeDocument/2006/relationships/ctrlProp" Target="../ctrlProps/ctrlProp223.xml"/><Relationship Id="rId433" Type="http://schemas.openxmlformats.org/officeDocument/2006/relationships/ctrlProp" Target="../ctrlProps/ctrlProp430.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74" Type="http://schemas.openxmlformats.org/officeDocument/2006/relationships/ctrlProp" Target="../ctrlProps/ctrlProp71.xml"/><Relationship Id="rId128" Type="http://schemas.openxmlformats.org/officeDocument/2006/relationships/ctrlProp" Target="../ctrlProps/ctrlProp125.xml"/><Relationship Id="rId335" Type="http://schemas.openxmlformats.org/officeDocument/2006/relationships/ctrlProp" Target="../ctrlProps/ctrlProp332.xml"/><Relationship Id="rId377" Type="http://schemas.openxmlformats.org/officeDocument/2006/relationships/ctrlProp" Target="../ctrlProps/ctrlProp374.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248" Type="http://schemas.openxmlformats.org/officeDocument/2006/relationships/ctrlProp" Target="../ctrlProps/ctrlProp245.xml"/><Relationship Id="rId455" Type="http://schemas.openxmlformats.org/officeDocument/2006/relationships/ctrlProp" Target="../ctrlProps/ctrlProp452.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281" Type="http://schemas.openxmlformats.org/officeDocument/2006/relationships/ctrlProp" Target="../ctrlProps/ctrlProp278.xml"/><Relationship Id="rId337" Type="http://schemas.openxmlformats.org/officeDocument/2006/relationships/ctrlProp" Target="../ctrlProps/ctrlProp334.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250" Type="http://schemas.openxmlformats.org/officeDocument/2006/relationships/ctrlProp" Target="../ctrlProps/ctrlProp247.xml"/><Relationship Id="rId271" Type="http://schemas.openxmlformats.org/officeDocument/2006/relationships/ctrlProp" Target="../ctrlProps/ctrlProp268.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327" Type="http://schemas.openxmlformats.org/officeDocument/2006/relationships/ctrlProp" Target="../ctrlProps/ctrlProp324.xml"/><Relationship Id="rId348" Type="http://schemas.openxmlformats.org/officeDocument/2006/relationships/ctrlProp" Target="../ctrlProps/ctrlProp345.xml"/><Relationship Id="rId369" Type="http://schemas.openxmlformats.org/officeDocument/2006/relationships/ctrlProp" Target="../ctrlProps/ctrlProp366.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380" Type="http://schemas.openxmlformats.org/officeDocument/2006/relationships/ctrlProp" Target="../ctrlProps/ctrlProp377.xml"/><Relationship Id="rId415" Type="http://schemas.openxmlformats.org/officeDocument/2006/relationships/ctrlProp" Target="../ctrlProps/ctrlProp412.xml"/><Relationship Id="rId436" Type="http://schemas.openxmlformats.org/officeDocument/2006/relationships/ctrlProp" Target="../ctrlProps/ctrlProp433.xml"/><Relationship Id="rId457" Type="http://schemas.openxmlformats.org/officeDocument/2006/relationships/ctrlProp" Target="../ctrlProps/ctrlProp454.xml"/><Relationship Id="rId240" Type="http://schemas.openxmlformats.org/officeDocument/2006/relationships/ctrlProp" Target="../ctrlProps/ctrlProp237.xml"/><Relationship Id="rId261" Type="http://schemas.openxmlformats.org/officeDocument/2006/relationships/ctrlProp" Target="../ctrlProps/ctrlProp258.xml"/><Relationship Id="rId478" Type="http://schemas.openxmlformats.org/officeDocument/2006/relationships/ctrlProp" Target="../ctrlProps/ctrlProp475.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17" Type="http://schemas.openxmlformats.org/officeDocument/2006/relationships/ctrlProp" Target="../ctrlProps/ctrlProp314.xml"/><Relationship Id="rId338" Type="http://schemas.openxmlformats.org/officeDocument/2006/relationships/ctrlProp" Target="../ctrlProps/ctrlProp335.xml"/><Relationship Id="rId359" Type="http://schemas.openxmlformats.org/officeDocument/2006/relationships/ctrlProp" Target="../ctrlProps/ctrlProp356.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370" Type="http://schemas.openxmlformats.org/officeDocument/2006/relationships/ctrlProp" Target="../ctrlProps/ctrlProp367.xml"/><Relationship Id="rId391" Type="http://schemas.openxmlformats.org/officeDocument/2006/relationships/ctrlProp" Target="../ctrlProps/ctrlProp388.xml"/><Relationship Id="rId405" Type="http://schemas.openxmlformats.org/officeDocument/2006/relationships/ctrlProp" Target="../ctrlProps/ctrlProp402.xml"/><Relationship Id="rId426" Type="http://schemas.openxmlformats.org/officeDocument/2006/relationships/ctrlProp" Target="../ctrlProps/ctrlProp423.xml"/><Relationship Id="rId447" Type="http://schemas.openxmlformats.org/officeDocument/2006/relationships/ctrlProp" Target="../ctrlProps/ctrlProp444.xml"/><Relationship Id="rId230" Type="http://schemas.openxmlformats.org/officeDocument/2006/relationships/ctrlProp" Target="../ctrlProps/ctrlProp227.xml"/><Relationship Id="rId251" Type="http://schemas.openxmlformats.org/officeDocument/2006/relationships/ctrlProp" Target="../ctrlProps/ctrlProp248.xml"/><Relationship Id="rId468" Type="http://schemas.openxmlformats.org/officeDocument/2006/relationships/ctrlProp" Target="../ctrlProps/ctrlProp465.xml"/><Relationship Id="rId489" Type="http://schemas.openxmlformats.org/officeDocument/2006/relationships/ctrlProp" Target="../ctrlProps/ctrlProp486.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272" Type="http://schemas.openxmlformats.org/officeDocument/2006/relationships/ctrlProp" Target="../ctrlProps/ctrlProp269.xml"/><Relationship Id="rId293" Type="http://schemas.openxmlformats.org/officeDocument/2006/relationships/ctrlProp" Target="../ctrlProps/ctrlProp290.xml"/><Relationship Id="rId307" Type="http://schemas.openxmlformats.org/officeDocument/2006/relationships/ctrlProp" Target="../ctrlProps/ctrlProp304.xml"/><Relationship Id="rId328" Type="http://schemas.openxmlformats.org/officeDocument/2006/relationships/ctrlProp" Target="../ctrlProps/ctrlProp325.xml"/><Relationship Id="rId349" Type="http://schemas.openxmlformats.org/officeDocument/2006/relationships/ctrlProp" Target="../ctrlProps/ctrlProp346.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381" Type="http://schemas.openxmlformats.org/officeDocument/2006/relationships/ctrlProp" Target="../ctrlProps/ctrlProp378.xml"/><Relationship Id="rId416" Type="http://schemas.openxmlformats.org/officeDocument/2006/relationships/ctrlProp" Target="../ctrlProps/ctrlProp413.xml"/><Relationship Id="rId220" Type="http://schemas.openxmlformats.org/officeDocument/2006/relationships/ctrlProp" Target="../ctrlProps/ctrlProp217.xml"/><Relationship Id="rId241" Type="http://schemas.openxmlformats.org/officeDocument/2006/relationships/ctrlProp" Target="../ctrlProps/ctrlProp238.xml"/><Relationship Id="rId437" Type="http://schemas.openxmlformats.org/officeDocument/2006/relationships/ctrlProp" Target="../ctrlProps/ctrlProp434.xml"/><Relationship Id="rId458" Type="http://schemas.openxmlformats.org/officeDocument/2006/relationships/ctrlProp" Target="../ctrlProps/ctrlProp455.xml"/><Relationship Id="rId479" Type="http://schemas.openxmlformats.org/officeDocument/2006/relationships/ctrlProp" Target="../ctrlProps/ctrlProp476.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262" Type="http://schemas.openxmlformats.org/officeDocument/2006/relationships/ctrlProp" Target="../ctrlProps/ctrlProp259.xml"/><Relationship Id="rId283" Type="http://schemas.openxmlformats.org/officeDocument/2006/relationships/ctrlProp" Target="../ctrlProps/ctrlProp280.xml"/><Relationship Id="rId318" Type="http://schemas.openxmlformats.org/officeDocument/2006/relationships/ctrlProp" Target="../ctrlProps/ctrlProp315.xml"/><Relationship Id="rId339" Type="http://schemas.openxmlformats.org/officeDocument/2006/relationships/ctrlProp" Target="../ctrlProps/ctrlProp336.xml"/><Relationship Id="rId490" Type="http://schemas.openxmlformats.org/officeDocument/2006/relationships/ctrlProp" Target="../ctrlProps/ctrlProp487.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350" Type="http://schemas.openxmlformats.org/officeDocument/2006/relationships/ctrlProp" Target="../ctrlProps/ctrlProp347.xml"/><Relationship Id="rId371" Type="http://schemas.openxmlformats.org/officeDocument/2006/relationships/ctrlProp" Target="../ctrlProps/ctrlProp368.xml"/><Relationship Id="rId406" Type="http://schemas.openxmlformats.org/officeDocument/2006/relationships/ctrlProp" Target="../ctrlProps/ctrlProp403.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27" Type="http://schemas.openxmlformats.org/officeDocument/2006/relationships/ctrlProp" Target="../ctrlProps/ctrlProp424.xml"/><Relationship Id="rId448" Type="http://schemas.openxmlformats.org/officeDocument/2006/relationships/ctrlProp" Target="../ctrlProps/ctrlProp445.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294" Type="http://schemas.openxmlformats.org/officeDocument/2006/relationships/ctrlProp" Target="../ctrlProps/ctrlProp291.xml"/><Relationship Id="rId308" Type="http://schemas.openxmlformats.org/officeDocument/2006/relationships/ctrlProp" Target="../ctrlProps/ctrlProp305.xml"/><Relationship Id="rId329" Type="http://schemas.openxmlformats.org/officeDocument/2006/relationships/ctrlProp" Target="../ctrlProps/ctrlProp326.xml"/><Relationship Id="rId480" Type="http://schemas.openxmlformats.org/officeDocument/2006/relationships/ctrlProp" Target="../ctrlProps/ctrlProp477.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340" Type="http://schemas.openxmlformats.org/officeDocument/2006/relationships/ctrlProp" Target="../ctrlProps/ctrlProp337.xml"/><Relationship Id="rId361" Type="http://schemas.openxmlformats.org/officeDocument/2006/relationships/ctrlProp" Target="../ctrlProps/ctrlProp358.xml"/><Relationship Id="rId196" Type="http://schemas.openxmlformats.org/officeDocument/2006/relationships/ctrlProp" Target="../ctrlProps/ctrlProp193.xml"/><Relationship Id="rId200" Type="http://schemas.openxmlformats.org/officeDocument/2006/relationships/ctrlProp" Target="../ctrlProps/ctrlProp197.xml"/><Relationship Id="rId382" Type="http://schemas.openxmlformats.org/officeDocument/2006/relationships/ctrlProp" Target="../ctrlProps/ctrlProp379.xml"/><Relationship Id="rId417" Type="http://schemas.openxmlformats.org/officeDocument/2006/relationships/ctrlProp" Target="../ctrlProps/ctrlProp414.xml"/><Relationship Id="rId438" Type="http://schemas.openxmlformats.org/officeDocument/2006/relationships/ctrlProp" Target="../ctrlProps/ctrlProp435.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19" Type="http://schemas.openxmlformats.org/officeDocument/2006/relationships/ctrlProp" Target="../ctrlProps/ctrlProp316.xml"/><Relationship Id="rId470" Type="http://schemas.openxmlformats.org/officeDocument/2006/relationships/ctrlProp" Target="../ctrlProps/ctrlProp467.xml"/><Relationship Id="rId491" Type="http://schemas.openxmlformats.org/officeDocument/2006/relationships/ctrlProp" Target="../ctrlProps/ctrlProp488.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330" Type="http://schemas.openxmlformats.org/officeDocument/2006/relationships/ctrlProp" Target="../ctrlProps/ctrlProp327.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351" Type="http://schemas.openxmlformats.org/officeDocument/2006/relationships/ctrlProp" Target="../ctrlProps/ctrlProp348.xml"/><Relationship Id="rId372" Type="http://schemas.openxmlformats.org/officeDocument/2006/relationships/ctrlProp" Target="../ctrlProps/ctrlProp369.xml"/><Relationship Id="rId393" Type="http://schemas.openxmlformats.org/officeDocument/2006/relationships/ctrlProp" Target="../ctrlProps/ctrlProp390.xml"/><Relationship Id="rId407" Type="http://schemas.openxmlformats.org/officeDocument/2006/relationships/ctrlProp" Target="../ctrlProps/ctrlProp404.xml"/><Relationship Id="rId428" Type="http://schemas.openxmlformats.org/officeDocument/2006/relationships/ctrlProp" Target="../ctrlProps/ctrlProp425.xml"/><Relationship Id="rId449" Type="http://schemas.openxmlformats.org/officeDocument/2006/relationships/ctrlProp" Target="../ctrlProps/ctrlProp446.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481" Type="http://schemas.openxmlformats.org/officeDocument/2006/relationships/ctrlProp" Target="../ctrlProps/ctrlProp478.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320" Type="http://schemas.openxmlformats.org/officeDocument/2006/relationships/ctrlProp" Target="../ctrlProps/ctrlProp317.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341" Type="http://schemas.openxmlformats.org/officeDocument/2006/relationships/ctrlProp" Target="../ctrlProps/ctrlProp338.xml"/><Relationship Id="rId362" Type="http://schemas.openxmlformats.org/officeDocument/2006/relationships/ctrlProp" Target="../ctrlProps/ctrlProp359.xml"/><Relationship Id="rId383" Type="http://schemas.openxmlformats.org/officeDocument/2006/relationships/ctrlProp" Target="../ctrlProps/ctrlProp380.xml"/><Relationship Id="rId418" Type="http://schemas.openxmlformats.org/officeDocument/2006/relationships/ctrlProp" Target="../ctrlProps/ctrlProp415.xml"/><Relationship Id="rId439" Type="http://schemas.openxmlformats.org/officeDocument/2006/relationships/ctrlProp" Target="../ctrlProps/ctrlProp436.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450" Type="http://schemas.openxmlformats.org/officeDocument/2006/relationships/ctrlProp" Target="../ctrlProps/ctrlProp447.xml"/><Relationship Id="rId471" Type="http://schemas.openxmlformats.org/officeDocument/2006/relationships/ctrlProp" Target="../ctrlProps/ctrlProp468.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310" Type="http://schemas.openxmlformats.org/officeDocument/2006/relationships/ctrlProp" Target="../ctrlProps/ctrlProp307.xml"/><Relationship Id="rId492" Type="http://schemas.openxmlformats.org/officeDocument/2006/relationships/ctrlProp" Target="../ctrlProps/ctrlProp489.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331" Type="http://schemas.openxmlformats.org/officeDocument/2006/relationships/ctrlProp" Target="../ctrlProps/ctrlProp328.xml"/><Relationship Id="rId352" Type="http://schemas.openxmlformats.org/officeDocument/2006/relationships/ctrlProp" Target="../ctrlProps/ctrlProp349.xml"/><Relationship Id="rId373" Type="http://schemas.openxmlformats.org/officeDocument/2006/relationships/ctrlProp" Target="../ctrlProps/ctrlProp370.xml"/><Relationship Id="rId394" Type="http://schemas.openxmlformats.org/officeDocument/2006/relationships/ctrlProp" Target="../ctrlProps/ctrlProp391.xml"/><Relationship Id="rId408" Type="http://schemas.openxmlformats.org/officeDocument/2006/relationships/ctrlProp" Target="../ctrlProps/ctrlProp405.xml"/><Relationship Id="rId429" Type="http://schemas.openxmlformats.org/officeDocument/2006/relationships/ctrlProp" Target="../ctrlProps/ctrlProp426.xml"/><Relationship Id="rId1" Type="http://schemas.openxmlformats.org/officeDocument/2006/relationships/printerSettings" Target="../printerSettings/printerSettings11.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440" Type="http://schemas.openxmlformats.org/officeDocument/2006/relationships/ctrlProp" Target="../ctrlProps/ctrlProp437.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296" Type="http://schemas.openxmlformats.org/officeDocument/2006/relationships/ctrlProp" Target="../ctrlProps/ctrlProp293.xml"/><Relationship Id="rId300" Type="http://schemas.openxmlformats.org/officeDocument/2006/relationships/ctrlProp" Target="../ctrlProps/ctrlProp297.xml"/><Relationship Id="rId461" Type="http://schemas.openxmlformats.org/officeDocument/2006/relationships/ctrlProp" Target="../ctrlProps/ctrlProp458.xml"/><Relationship Id="rId482" Type="http://schemas.openxmlformats.org/officeDocument/2006/relationships/ctrlProp" Target="../ctrlProps/ctrlProp479.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321" Type="http://schemas.openxmlformats.org/officeDocument/2006/relationships/ctrlProp" Target="../ctrlProps/ctrlProp318.xml"/><Relationship Id="rId342" Type="http://schemas.openxmlformats.org/officeDocument/2006/relationships/ctrlProp" Target="../ctrlProps/ctrlProp339.xml"/><Relationship Id="rId363" Type="http://schemas.openxmlformats.org/officeDocument/2006/relationships/ctrlProp" Target="../ctrlProps/ctrlProp360.xml"/><Relationship Id="rId384" Type="http://schemas.openxmlformats.org/officeDocument/2006/relationships/ctrlProp" Target="../ctrlProps/ctrlProp381.xml"/><Relationship Id="rId419" Type="http://schemas.openxmlformats.org/officeDocument/2006/relationships/ctrlProp" Target="../ctrlProps/ctrlProp416.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430" Type="http://schemas.openxmlformats.org/officeDocument/2006/relationships/ctrlProp" Target="../ctrlProps/ctrlProp427.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286" Type="http://schemas.openxmlformats.org/officeDocument/2006/relationships/ctrlProp" Target="../ctrlProps/ctrlProp283.xml"/><Relationship Id="rId451" Type="http://schemas.openxmlformats.org/officeDocument/2006/relationships/ctrlProp" Target="../ctrlProps/ctrlProp448.xml"/><Relationship Id="rId472" Type="http://schemas.openxmlformats.org/officeDocument/2006/relationships/ctrlProp" Target="../ctrlProps/ctrlProp469.xml"/><Relationship Id="rId493" Type="http://schemas.openxmlformats.org/officeDocument/2006/relationships/ctrlProp" Target="../ctrlProps/ctrlProp490.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311" Type="http://schemas.openxmlformats.org/officeDocument/2006/relationships/ctrlProp" Target="../ctrlProps/ctrlProp308.xml"/><Relationship Id="rId332" Type="http://schemas.openxmlformats.org/officeDocument/2006/relationships/ctrlProp" Target="../ctrlProps/ctrlProp329.xml"/><Relationship Id="rId353" Type="http://schemas.openxmlformats.org/officeDocument/2006/relationships/ctrlProp" Target="../ctrlProps/ctrlProp350.xml"/><Relationship Id="rId374" Type="http://schemas.openxmlformats.org/officeDocument/2006/relationships/ctrlProp" Target="../ctrlProps/ctrlProp371.xml"/><Relationship Id="rId395" Type="http://schemas.openxmlformats.org/officeDocument/2006/relationships/ctrlProp" Target="../ctrlProps/ctrlProp392.xml"/><Relationship Id="rId409" Type="http://schemas.openxmlformats.org/officeDocument/2006/relationships/ctrlProp" Target="../ctrlProps/ctrlProp406.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420" Type="http://schemas.openxmlformats.org/officeDocument/2006/relationships/ctrlProp" Target="../ctrlProps/ctrlProp417.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276" Type="http://schemas.openxmlformats.org/officeDocument/2006/relationships/ctrlProp" Target="../ctrlProps/ctrlProp273.xml"/><Relationship Id="rId297" Type="http://schemas.openxmlformats.org/officeDocument/2006/relationships/ctrlProp" Target="../ctrlProps/ctrlProp294.xml"/><Relationship Id="rId441" Type="http://schemas.openxmlformats.org/officeDocument/2006/relationships/ctrlProp" Target="../ctrlProps/ctrlProp438.xml"/><Relationship Id="rId462" Type="http://schemas.openxmlformats.org/officeDocument/2006/relationships/ctrlProp" Target="../ctrlProps/ctrlProp459.xml"/><Relationship Id="rId483" Type="http://schemas.openxmlformats.org/officeDocument/2006/relationships/ctrlProp" Target="../ctrlProps/ctrlProp480.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301" Type="http://schemas.openxmlformats.org/officeDocument/2006/relationships/ctrlProp" Target="../ctrlProps/ctrlProp298.xml"/><Relationship Id="rId322" Type="http://schemas.openxmlformats.org/officeDocument/2006/relationships/ctrlProp" Target="../ctrlProps/ctrlProp319.xml"/><Relationship Id="rId343" Type="http://schemas.openxmlformats.org/officeDocument/2006/relationships/ctrlProp" Target="../ctrlProps/ctrlProp340.xml"/><Relationship Id="rId364" Type="http://schemas.openxmlformats.org/officeDocument/2006/relationships/ctrlProp" Target="../ctrlProps/ctrlProp361.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385" Type="http://schemas.openxmlformats.org/officeDocument/2006/relationships/ctrlProp" Target="../ctrlProps/ctrlProp382.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266" Type="http://schemas.openxmlformats.org/officeDocument/2006/relationships/ctrlProp" Target="../ctrlProps/ctrlProp263.xml"/><Relationship Id="rId287" Type="http://schemas.openxmlformats.org/officeDocument/2006/relationships/ctrlProp" Target="../ctrlProps/ctrlProp284.xml"/><Relationship Id="rId410" Type="http://schemas.openxmlformats.org/officeDocument/2006/relationships/ctrlProp" Target="../ctrlProps/ctrlProp407.xml"/><Relationship Id="rId431" Type="http://schemas.openxmlformats.org/officeDocument/2006/relationships/ctrlProp" Target="../ctrlProps/ctrlProp428.xml"/><Relationship Id="rId452" Type="http://schemas.openxmlformats.org/officeDocument/2006/relationships/ctrlProp" Target="../ctrlProps/ctrlProp449.xml"/><Relationship Id="rId473" Type="http://schemas.openxmlformats.org/officeDocument/2006/relationships/ctrlProp" Target="../ctrlProps/ctrlProp470.xml"/><Relationship Id="rId494" Type="http://schemas.openxmlformats.org/officeDocument/2006/relationships/ctrlProp" Target="../ctrlProps/ctrlProp491.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312" Type="http://schemas.openxmlformats.org/officeDocument/2006/relationships/ctrlProp" Target="../ctrlProps/ctrlProp309.xml"/><Relationship Id="rId333" Type="http://schemas.openxmlformats.org/officeDocument/2006/relationships/ctrlProp" Target="../ctrlProps/ctrlProp330.xml"/><Relationship Id="rId354" Type="http://schemas.openxmlformats.org/officeDocument/2006/relationships/ctrlProp" Target="../ctrlProps/ctrlProp351.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75" Type="http://schemas.openxmlformats.org/officeDocument/2006/relationships/ctrlProp" Target="../ctrlProps/ctrlProp372.xml"/><Relationship Id="rId396" Type="http://schemas.openxmlformats.org/officeDocument/2006/relationships/ctrlProp" Target="../ctrlProps/ctrlProp393.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277" Type="http://schemas.openxmlformats.org/officeDocument/2006/relationships/ctrlProp" Target="../ctrlProps/ctrlProp274.xml"/><Relationship Id="rId298" Type="http://schemas.openxmlformats.org/officeDocument/2006/relationships/ctrlProp" Target="../ctrlProps/ctrlProp295.xml"/><Relationship Id="rId400" Type="http://schemas.openxmlformats.org/officeDocument/2006/relationships/ctrlProp" Target="../ctrlProps/ctrlProp397.xml"/><Relationship Id="rId421" Type="http://schemas.openxmlformats.org/officeDocument/2006/relationships/ctrlProp" Target="../ctrlProps/ctrlProp418.xml"/><Relationship Id="rId442" Type="http://schemas.openxmlformats.org/officeDocument/2006/relationships/ctrlProp" Target="../ctrlProps/ctrlProp439.xml"/><Relationship Id="rId463" Type="http://schemas.openxmlformats.org/officeDocument/2006/relationships/ctrlProp" Target="../ctrlProps/ctrlProp460.xml"/><Relationship Id="rId484" Type="http://schemas.openxmlformats.org/officeDocument/2006/relationships/ctrlProp" Target="../ctrlProps/ctrlProp481.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302" Type="http://schemas.openxmlformats.org/officeDocument/2006/relationships/ctrlProp" Target="../ctrlProps/ctrlProp299.xml"/><Relationship Id="rId323" Type="http://schemas.openxmlformats.org/officeDocument/2006/relationships/ctrlProp" Target="../ctrlProps/ctrlProp320.xml"/><Relationship Id="rId344" Type="http://schemas.openxmlformats.org/officeDocument/2006/relationships/ctrlProp" Target="../ctrlProps/ctrlProp341.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365" Type="http://schemas.openxmlformats.org/officeDocument/2006/relationships/ctrlProp" Target="../ctrlProps/ctrlProp362.xml"/><Relationship Id="rId386" Type="http://schemas.openxmlformats.org/officeDocument/2006/relationships/ctrlProp" Target="../ctrlProps/ctrlProp383.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267" Type="http://schemas.openxmlformats.org/officeDocument/2006/relationships/ctrlProp" Target="../ctrlProps/ctrlProp264.xml"/><Relationship Id="rId288" Type="http://schemas.openxmlformats.org/officeDocument/2006/relationships/ctrlProp" Target="../ctrlProps/ctrlProp285.xml"/><Relationship Id="rId411" Type="http://schemas.openxmlformats.org/officeDocument/2006/relationships/ctrlProp" Target="../ctrlProps/ctrlProp408.xml"/><Relationship Id="rId432" Type="http://schemas.openxmlformats.org/officeDocument/2006/relationships/ctrlProp" Target="../ctrlProps/ctrlProp429.xml"/><Relationship Id="rId453" Type="http://schemas.openxmlformats.org/officeDocument/2006/relationships/ctrlProp" Target="../ctrlProps/ctrlProp450.xml"/><Relationship Id="rId474" Type="http://schemas.openxmlformats.org/officeDocument/2006/relationships/ctrlProp" Target="../ctrlProps/ctrlProp471.xml"/><Relationship Id="rId106" Type="http://schemas.openxmlformats.org/officeDocument/2006/relationships/ctrlProp" Target="../ctrlProps/ctrlProp103.xml"/><Relationship Id="rId127" Type="http://schemas.openxmlformats.org/officeDocument/2006/relationships/ctrlProp" Target="../ctrlProps/ctrlProp124.xml"/><Relationship Id="rId313" Type="http://schemas.openxmlformats.org/officeDocument/2006/relationships/ctrlProp" Target="../ctrlProps/ctrlProp310.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334" Type="http://schemas.openxmlformats.org/officeDocument/2006/relationships/ctrlProp" Target="../ctrlProps/ctrlProp331.xml"/><Relationship Id="rId355" Type="http://schemas.openxmlformats.org/officeDocument/2006/relationships/ctrlProp" Target="../ctrlProps/ctrlProp352.xml"/><Relationship Id="rId376" Type="http://schemas.openxmlformats.org/officeDocument/2006/relationships/ctrlProp" Target="../ctrlProps/ctrlProp373.xml"/><Relationship Id="rId397" Type="http://schemas.openxmlformats.org/officeDocument/2006/relationships/ctrlProp" Target="../ctrlProps/ctrlProp394.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401" Type="http://schemas.openxmlformats.org/officeDocument/2006/relationships/ctrlProp" Target="../ctrlProps/ctrlProp398.xml"/><Relationship Id="rId422" Type="http://schemas.openxmlformats.org/officeDocument/2006/relationships/ctrlProp" Target="../ctrlProps/ctrlProp419.xml"/><Relationship Id="rId443" Type="http://schemas.openxmlformats.org/officeDocument/2006/relationships/ctrlProp" Target="../ctrlProps/ctrlProp440.xml"/><Relationship Id="rId464" Type="http://schemas.openxmlformats.org/officeDocument/2006/relationships/ctrlProp" Target="../ctrlProps/ctrlProp461.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171"/>
  <sheetViews>
    <sheetView topLeftCell="A4" zoomScale="87" zoomScaleNormal="75" zoomScaleSheetLayoutView="75" workbookViewId="0">
      <selection activeCell="AD20" sqref="AD20"/>
    </sheetView>
  </sheetViews>
  <sheetFormatPr defaultRowHeight="18.75"/>
  <cols>
    <col min="1" max="1" width="6.75" style="15" customWidth="1"/>
    <col min="2" max="2" width="5" style="15" customWidth="1"/>
    <col min="3" max="3" width="6.875" style="15" customWidth="1"/>
    <col min="4" max="4" width="2.875" style="15" customWidth="1"/>
    <col min="5" max="5" width="12.625" style="15" customWidth="1"/>
    <col min="6" max="6" width="5.375" style="15" customWidth="1"/>
    <col min="7" max="7" width="28.375" style="15" customWidth="1"/>
    <col min="8" max="8" width="27.75" style="15" customWidth="1"/>
    <col min="9" max="9" width="6.625" style="15" customWidth="1"/>
    <col min="10" max="10" width="7.125" style="15" customWidth="1"/>
    <col min="11" max="11" width="6.625" style="15" customWidth="1"/>
    <col min="12" max="12" width="7.125" style="15" customWidth="1"/>
    <col min="13" max="13" width="6.625" style="15" customWidth="1"/>
    <col min="14" max="14" width="7.125" style="15" customWidth="1"/>
    <col min="15" max="15" width="2.625" style="15" customWidth="1"/>
    <col min="16" max="16" width="9" style="15"/>
    <col min="17" max="17" width="14.875" style="15" bestFit="1" customWidth="1"/>
    <col min="18" max="16384" width="9" style="15"/>
  </cols>
  <sheetData>
    <row r="1" spans="1:17" ht="44.1" customHeight="1">
      <c r="A1" s="6" t="s">
        <v>353</v>
      </c>
      <c r="B1" s="7">
        <v>3</v>
      </c>
      <c r="C1" s="8" t="s">
        <v>0</v>
      </c>
      <c r="D1" s="9" t="s">
        <v>57</v>
      </c>
      <c r="E1" s="10"/>
      <c r="F1" s="11"/>
      <c r="G1" s="12" t="s">
        <v>58</v>
      </c>
      <c r="H1" s="13"/>
      <c r="I1" s="13"/>
      <c r="J1" s="9" t="s">
        <v>59</v>
      </c>
      <c r="K1" s="13"/>
      <c r="L1" s="13"/>
      <c r="M1" s="13"/>
      <c r="N1" s="14"/>
    </row>
    <row r="2" spans="1:17" ht="21.95" customHeight="1">
      <c r="A2" s="16"/>
      <c r="B2" s="17"/>
      <c r="C2" s="17"/>
      <c r="D2" s="18"/>
      <c r="E2" s="17"/>
      <c r="F2" s="17"/>
      <c r="G2" s="17"/>
      <c r="H2" s="17"/>
      <c r="I2" s="17"/>
      <c r="J2" s="17"/>
      <c r="K2" s="17"/>
      <c r="L2" s="17"/>
      <c r="M2" s="17"/>
      <c r="N2" s="19"/>
    </row>
    <row r="3" spans="1:17" ht="21.95" customHeight="1">
      <c r="A3" s="20" t="s">
        <v>60</v>
      </c>
      <c r="B3" s="21"/>
      <c r="C3" s="21"/>
      <c r="D3" s="22"/>
      <c r="E3" s="23" t="s">
        <v>492</v>
      </c>
      <c r="F3" s="24"/>
      <c r="G3" s="24"/>
      <c r="H3" s="24"/>
      <c r="I3" s="24"/>
      <c r="J3" s="24"/>
      <c r="K3" s="24" t="s">
        <v>11</v>
      </c>
      <c r="L3" s="24"/>
      <c r="M3" s="24"/>
      <c r="N3" s="25"/>
    </row>
    <row r="4" spans="1:17" ht="21.95" customHeight="1">
      <c r="A4" s="16"/>
      <c r="B4" s="17"/>
      <c r="C4" s="17"/>
      <c r="D4" s="18"/>
      <c r="E4" s="17"/>
      <c r="F4" s="17"/>
      <c r="G4" s="17"/>
      <c r="H4" s="26"/>
      <c r="I4" s="437" t="s">
        <v>384</v>
      </c>
      <c r="J4" s="438"/>
      <c r="K4" s="438"/>
      <c r="L4" s="438"/>
      <c r="M4" s="438"/>
      <c r="N4" s="439"/>
    </row>
    <row r="5" spans="1:17" ht="21.95" customHeight="1">
      <c r="A5" s="20" t="s">
        <v>61</v>
      </c>
      <c r="B5" s="21"/>
      <c r="C5" s="21"/>
      <c r="D5" s="22"/>
      <c r="E5" s="27" t="s">
        <v>493</v>
      </c>
      <c r="F5" s="28"/>
      <c r="G5" s="24"/>
      <c r="H5" s="29"/>
      <c r="I5" s="30" t="s">
        <v>62</v>
      </c>
      <c r="J5" s="31"/>
      <c r="K5" s="32" t="s">
        <v>51</v>
      </c>
      <c r="L5" s="31"/>
      <c r="M5" s="33" t="s">
        <v>63</v>
      </c>
      <c r="N5" s="34"/>
    </row>
    <row r="6" spans="1:17" ht="21.95" customHeight="1">
      <c r="A6" s="16"/>
      <c r="B6" s="17"/>
      <c r="C6" s="17"/>
      <c r="D6" s="18"/>
      <c r="E6" s="17"/>
      <c r="F6" s="17"/>
      <c r="G6" s="17"/>
      <c r="H6" s="26"/>
      <c r="I6" s="35"/>
      <c r="J6" s="36"/>
      <c r="K6" s="37" t="s">
        <v>52</v>
      </c>
      <c r="L6" s="36"/>
      <c r="M6" s="38"/>
      <c r="N6" s="39"/>
    </row>
    <row r="7" spans="1:17" ht="21.95" customHeight="1">
      <c r="A7" s="20" t="s">
        <v>382</v>
      </c>
      <c r="B7" s="21"/>
      <c r="C7" s="21"/>
      <c r="D7" s="22"/>
      <c r="E7" s="40" t="s">
        <v>494</v>
      </c>
      <c r="F7" s="41"/>
      <c r="G7" s="24"/>
      <c r="H7" s="24"/>
      <c r="I7" s="33" t="s">
        <v>53</v>
      </c>
      <c r="J7" s="42"/>
      <c r="K7" s="43"/>
      <c r="L7" s="44"/>
      <c r="M7" s="43"/>
      <c r="N7" s="45"/>
    </row>
    <row r="8" spans="1:17" ht="21.95" customHeight="1">
      <c r="A8" s="16"/>
      <c r="B8" s="17"/>
      <c r="C8" s="17"/>
      <c r="D8" s="18"/>
      <c r="E8" s="17"/>
      <c r="F8" s="17"/>
      <c r="G8" s="17"/>
      <c r="H8" s="17"/>
      <c r="I8" s="46"/>
      <c r="J8" s="47"/>
      <c r="K8" s="48"/>
      <c r="L8" s="49"/>
      <c r="M8" s="49"/>
      <c r="N8" s="50"/>
    </row>
    <row r="9" spans="1:17" ht="21.95" customHeight="1">
      <c r="A9" s="51" t="s">
        <v>64</v>
      </c>
      <c r="B9" s="52"/>
      <c r="C9" s="52"/>
      <c r="D9" s="53"/>
      <c r="E9" s="54"/>
      <c r="F9" s="55"/>
      <c r="G9" s="56"/>
      <c r="H9" s="55" t="s">
        <v>12</v>
      </c>
      <c r="I9" s="437" t="s">
        <v>385</v>
      </c>
      <c r="J9" s="438"/>
      <c r="K9" s="438"/>
      <c r="L9" s="438"/>
      <c r="M9" s="438"/>
      <c r="N9" s="439"/>
      <c r="P9" s="57"/>
      <c r="Q9" s="58"/>
    </row>
    <row r="10" spans="1:17" ht="21.95" customHeight="1">
      <c r="A10" s="16"/>
      <c r="B10" s="17"/>
      <c r="C10" s="17"/>
      <c r="D10" s="18"/>
      <c r="E10" s="17"/>
      <c r="F10" s="17"/>
      <c r="G10" s="17"/>
      <c r="H10" s="17"/>
      <c r="I10" s="59" t="s">
        <v>65</v>
      </c>
      <c r="J10" s="17"/>
      <c r="K10" s="17"/>
      <c r="L10" s="59" t="s">
        <v>66</v>
      </c>
      <c r="M10" s="17"/>
      <c r="N10" s="19"/>
      <c r="P10" s="57"/>
      <c r="Q10" s="58"/>
    </row>
    <row r="11" spans="1:17" ht="21.95" customHeight="1">
      <c r="A11" s="20" t="s">
        <v>67</v>
      </c>
      <c r="B11" s="21"/>
      <c r="C11" s="21"/>
      <c r="D11" s="22"/>
      <c r="E11" s="60" t="s">
        <v>68</v>
      </c>
      <c r="F11" s="28"/>
      <c r="G11" s="61">
        <v>44985</v>
      </c>
      <c r="H11" s="23" t="s">
        <v>69</v>
      </c>
      <c r="I11" s="62"/>
      <c r="J11" s="24"/>
      <c r="K11" s="24"/>
      <c r="L11" s="62"/>
      <c r="M11" s="24"/>
      <c r="N11" s="25"/>
      <c r="Q11" s="58"/>
    </row>
    <row r="12" spans="1:17" ht="21.95" customHeight="1">
      <c r="A12" s="20" t="s">
        <v>70</v>
      </c>
      <c r="B12" s="21"/>
      <c r="C12" s="63"/>
      <c r="D12" s="21"/>
      <c r="E12" s="21"/>
      <c r="F12" s="21"/>
      <c r="G12" s="64"/>
      <c r="H12" s="63" t="s">
        <v>71</v>
      </c>
      <c r="I12" s="21"/>
      <c r="J12" s="21"/>
      <c r="K12" s="21"/>
      <c r="L12" s="21"/>
      <c r="M12" s="21"/>
      <c r="N12" s="65"/>
    </row>
    <row r="13" spans="1:17" ht="21.95" customHeight="1">
      <c r="A13" s="66" t="s">
        <v>495</v>
      </c>
      <c r="B13" s="67"/>
      <c r="C13" s="67"/>
      <c r="D13" s="68"/>
      <c r="E13" s="68"/>
      <c r="F13" s="68"/>
      <c r="G13" s="69"/>
      <c r="H13" s="67" t="s">
        <v>383</v>
      </c>
      <c r="I13" s="68"/>
      <c r="J13" s="68"/>
      <c r="K13" s="68"/>
      <c r="L13" s="68"/>
      <c r="M13" s="68"/>
      <c r="N13" s="70" t="s">
        <v>72</v>
      </c>
    </row>
    <row r="14" spans="1:17" ht="21.95" customHeight="1">
      <c r="A14" s="66" t="s">
        <v>492</v>
      </c>
      <c r="B14" s="67"/>
      <c r="C14" s="67"/>
      <c r="D14" s="68"/>
      <c r="E14" s="68"/>
      <c r="F14" s="68"/>
      <c r="G14" s="69"/>
      <c r="H14" s="67" t="s">
        <v>492</v>
      </c>
      <c r="I14" s="68"/>
      <c r="J14" s="68"/>
      <c r="K14" s="68"/>
      <c r="L14" s="68"/>
      <c r="M14" s="68"/>
      <c r="N14" s="70"/>
    </row>
    <row r="15" spans="1:17" ht="21.95" customHeight="1">
      <c r="A15" s="66" t="s">
        <v>492</v>
      </c>
      <c r="B15" s="67"/>
      <c r="C15" s="67"/>
      <c r="D15" s="68"/>
      <c r="E15" s="68"/>
      <c r="F15" s="68"/>
      <c r="G15" s="69"/>
      <c r="H15" s="67" t="s">
        <v>492</v>
      </c>
      <c r="I15" s="68"/>
      <c r="J15" s="68"/>
      <c r="K15" s="68"/>
      <c r="L15" s="68"/>
      <c r="M15" s="68"/>
      <c r="N15" s="70"/>
    </row>
    <row r="16" spans="1:17" ht="21.95" customHeight="1">
      <c r="A16" s="66" t="s">
        <v>492</v>
      </c>
      <c r="B16" s="67"/>
      <c r="C16" s="67"/>
      <c r="D16" s="68"/>
      <c r="E16" s="68"/>
      <c r="F16" s="68"/>
      <c r="G16" s="69"/>
      <c r="H16" s="67" t="s">
        <v>492</v>
      </c>
      <c r="I16" s="68"/>
      <c r="J16" s="68"/>
      <c r="K16" s="68"/>
      <c r="L16" s="68"/>
      <c r="M16" s="68"/>
      <c r="N16" s="70"/>
    </row>
    <row r="17" spans="1:14" ht="21.95" customHeight="1">
      <c r="A17" s="66" t="s">
        <v>492</v>
      </c>
      <c r="B17" s="67"/>
      <c r="C17" s="67"/>
      <c r="D17" s="68"/>
      <c r="E17" s="68"/>
      <c r="F17" s="68"/>
      <c r="G17" s="69"/>
      <c r="H17" s="67" t="s">
        <v>492</v>
      </c>
      <c r="I17" s="68"/>
      <c r="J17" s="68"/>
      <c r="K17" s="68"/>
      <c r="L17" s="68"/>
      <c r="M17" s="68"/>
      <c r="N17" s="70"/>
    </row>
    <row r="18" spans="1:14" ht="21.95" customHeight="1">
      <c r="A18" s="66" t="s">
        <v>492</v>
      </c>
      <c r="B18" s="67"/>
      <c r="C18" s="67"/>
      <c r="D18" s="68"/>
      <c r="E18" s="68"/>
      <c r="F18" s="68"/>
      <c r="G18" s="69"/>
      <c r="H18" s="67" t="s">
        <v>492</v>
      </c>
      <c r="I18" s="68"/>
      <c r="J18" s="68"/>
      <c r="K18" s="68"/>
      <c r="L18" s="68"/>
      <c r="M18" s="68"/>
      <c r="N18" s="70"/>
    </row>
    <row r="19" spans="1:14" ht="21.95" customHeight="1">
      <c r="A19" s="66" t="s">
        <v>492</v>
      </c>
      <c r="B19" s="67"/>
      <c r="C19" s="67"/>
      <c r="D19" s="68"/>
      <c r="E19" s="68"/>
      <c r="F19" s="68"/>
      <c r="G19" s="69"/>
      <c r="H19" s="67" t="s">
        <v>492</v>
      </c>
      <c r="I19" s="68"/>
      <c r="J19" s="68"/>
      <c r="K19" s="68"/>
      <c r="L19" s="68"/>
      <c r="M19" s="68"/>
      <c r="N19" s="70"/>
    </row>
    <row r="20" spans="1:14" ht="21.95" customHeight="1">
      <c r="A20" s="66" t="s">
        <v>492</v>
      </c>
      <c r="B20" s="67"/>
      <c r="C20" s="67"/>
      <c r="D20" s="68"/>
      <c r="E20" s="68"/>
      <c r="F20" s="68"/>
      <c r="G20" s="69"/>
      <c r="H20" s="67" t="s">
        <v>492</v>
      </c>
      <c r="I20" s="68"/>
      <c r="J20" s="68"/>
      <c r="K20" s="68"/>
      <c r="L20" s="68"/>
      <c r="M20" s="68"/>
      <c r="N20" s="70"/>
    </row>
    <row r="21" spans="1:14" ht="21.95" customHeight="1">
      <c r="A21" s="71" t="s">
        <v>492</v>
      </c>
      <c r="B21" s="72"/>
      <c r="C21" s="72"/>
      <c r="D21" s="73"/>
      <c r="E21" s="73"/>
      <c r="F21" s="73"/>
      <c r="G21" s="74"/>
      <c r="H21" s="75" t="s">
        <v>492</v>
      </c>
      <c r="I21" s="73"/>
      <c r="J21" s="73"/>
      <c r="K21" s="73"/>
      <c r="L21" s="73"/>
      <c r="M21" s="73"/>
      <c r="N21" s="76"/>
    </row>
    <row r="22" spans="1:14" ht="18" customHeight="1">
      <c r="A22" s="77" t="s">
        <v>73</v>
      </c>
      <c r="B22" s="77"/>
      <c r="C22" s="77"/>
      <c r="D22" s="77"/>
      <c r="E22" s="77"/>
      <c r="F22" s="77"/>
      <c r="G22" s="77"/>
      <c r="H22" s="77"/>
      <c r="I22" s="77"/>
      <c r="J22" s="77"/>
      <c r="K22" s="77"/>
      <c r="L22" s="77"/>
      <c r="M22" s="77"/>
      <c r="N22" s="78" t="s">
        <v>74</v>
      </c>
    </row>
    <row r="171" spans="14:14">
      <c r="N171" s="15">
        <v>516000</v>
      </c>
    </row>
  </sheetData>
  <mergeCells count="2">
    <mergeCell ref="I4:N4"/>
    <mergeCell ref="I9:N9"/>
  </mergeCells>
  <phoneticPr fontId="2"/>
  <printOptions horizontalCentered="1" verticalCentered="1"/>
  <pageMargins left="0.39370078740157483" right="0.39370078740157483" top="0.98425196850393704" bottom="0.39370078740157483" header="0.51181102362204722" footer="0"/>
  <pageSetup paperSize="9" orientation="landscape" horizontalDpi="4294967292"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H306"/>
  <sheetViews>
    <sheetView view="pageBreakPreview" topLeftCell="A16" zoomScaleNormal="75" workbookViewId="0">
      <selection activeCell="E8" sqref="E8:E40"/>
    </sheetView>
  </sheetViews>
  <sheetFormatPr defaultRowHeight="11.25"/>
  <cols>
    <col min="1" max="1" width="0.125" style="330" customWidth="1"/>
    <col min="2" max="2" width="14.25" style="330" customWidth="1"/>
    <col min="3" max="3" width="27.625" style="330" customWidth="1"/>
    <col min="4" max="4" width="14.875" style="330" customWidth="1"/>
    <col min="5" max="5" width="6.75" style="330" customWidth="1"/>
    <col min="6" max="6" width="14.875" style="330" customWidth="1"/>
    <col min="7" max="7" width="20.125" style="330" customWidth="1"/>
    <col min="8" max="8" width="22.375" style="330" customWidth="1"/>
    <col min="9" max="16384" width="9" style="330"/>
  </cols>
  <sheetData>
    <row r="1" spans="1:8" ht="15.95" customHeight="1">
      <c r="B1" s="346" t="s">
        <v>562</v>
      </c>
      <c r="C1" s="346"/>
      <c r="D1" s="346"/>
      <c r="E1" s="346"/>
      <c r="F1" s="346"/>
      <c r="G1" s="346"/>
      <c r="H1" s="345" t="s">
        <v>682</v>
      </c>
    </row>
    <row r="2" spans="1:8" ht="12.6" customHeight="1">
      <c r="A2" s="336"/>
      <c r="B2" s="452" t="s">
        <v>538</v>
      </c>
      <c r="C2" s="453"/>
      <c r="D2" s="453" t="s">
        <v>611</v>
      </c>
      <c r="E2" s="453"/>
      <c r="F2" s="453"/>
      <c r="G2" s="453" t="s">
        <v>681</v>
      </c>
      <c r="H2" s="454"/>
    </row>
    <row r="3" spans="1:8" ht="12.6" customHeight="1">
      <c r="A3" s="336"/>
      <c r="B3" s="452"/>
      <c r="C3" s="453"/>
      <c r="D3" s="453"/>
      <c r="E3" s="453"/>
      <c r="F3" s="453"/>
      <c r="G3" s="453"/>
      <c r="H3" s="454"/>
    </row>
    <row r="4" spans="1:8" ht="10.5" customHeight="1">
      <c r="A4" s="336"/>
      <c r="B4" s="446" t="s">
        <v>559</v>
      </c>
      <c r="C4" s="448" t="s">
        <v>558</v>
      </c>
      <c r="D4" s="448" t="s">
        <v>511</v>
      </c>
      <c r="E4" s="448" t="s">
        <v>510</v>
      </c>
      <c r="F4" s="448" t="s">
        <v>557</v>
      </c>
      <c r="G4" s="448" t="s">
        <v>556</v>
      </c>
      <c r="H4" s="450" t="s">
        <v>508</v>
      </c>
    </row>
    <row r="5" spans="1:8" ht="10.5" customHeight="1">
      <c r="A5" s="336"/>
      <c r="B5" s="447"/>
      <c r="C5" s="449"/>
      <c r="D5" s="449"/>
      <c r="E5" s="449"/>
      <c r="F5" s="449"/>
      <c r="G5" s="449"/>
      <c r="H5" s="451"/>
    </row>
    <row r="6" spans="1:8" ht="11.1" customHeight="1">
      <c r="A6" s="336" t="s">
        <v>492</v>
      </c>
      <c r="B6" s="340" t="s">
        <v>680</v>
      </c>
      <c r="C6" s="365" t="s">
        <v>666</v>
      </c>
      <c r="D6" s="373" t="s">
        <v>492</v>
      </c>
      <c r="E6" s="390" t="s">
        <v>492</v>
      </c>
      <c r="F6" s="389"/>
      <c r="G6" s="338"/>
      <c r="H6" s="337" t="s">
        <v>492</v>
      </c>
    </row>
    <row r="7" spans="1:8" ht="11.1" customHeight="1">
      <c r="A7" s="336" t="s">
        <v>492</v>
      </c>
      <c r="B7" s="340" t="s">
        <v>492</v>
      </c>
      <c r="C7" s="365" t="s">
        <v>679</v>
      </c>
      <c r="D7" s="373" t="s">
        <v>498</v>
      </c>
      <c r="E7" s="339" t="s">
        <v>492</v>
      </c>
      <c r="F7" s="373"/>
      <c r="G7" s="338"/>
      <c r="H7" s="337" t="s">
        <v>492</v>
      </c>
    </row>
    <row r="8" spans="1:8" ht="11.1" customHeight="1">
      <c r="A8" s="336" t="s">
        <v>492</v>
      </c>
      <c r="B8" s="335" t="s">
        <v>492</v>
      </c>
      <c r="C8" s="364" t="s">
        <v>664</v>
      </c>
      <c r="D8" s="383" t="s">
        <v>492</v>
      </c>
      <c r="E8" s="334" t="s">
        <v>654</v>
      </c>
      <c r="F8" s="388"/>
      <c r="G8" s="333"/>
      <c r="H8" s="332" t="s">
        <v>492</v>
      </c>
    </row>
    <row r="9" spans="1:8" ht="11.1" customHeight="1">
      <c r="A9" s="336" t="s">
        <v>492</v>
      </c>
      <c r="B9" s="340" t="s">
        <v>678</v>
      </c>
      <c r="C9" s="365" t="s">
        <v>669</v>
      </c>
      <c r="D9" s="373" t="s">
        <v>492</v>
      </c>
      <c r="E9" s="390" t="s">
        <v>492</v>
      </c>
      <c r="F9" s="389"/>
      <c r="G9" s="338"/>
      <c r="H9" s="337" t="s">
        <v>492</v>
      </c>
    </row>
    <row r="10" spans="1:8" ht="11.1" customHeight="1">
      <c r="A10" s="336" t="s">
        <v>492</v>
      </c>
      <c r="B10" s="340" t="s">
        <v>492</v>
      </c>
      <c r="C10" s="365" t="s">
        <v>668</v>
      </c>
      <c r="D10" s="373" t="s">
        <v>498</v>
      </c>
      <c r="E10" s="339" t="s">
        <v>492</v>
      </c>
      <c r="F10" s="373"/>
      <c r="G10" s="338"/>
      <c r="H10" s="337" t="s">
        <v>492</v>
      </c>
    </row>
    <row r="11" spans="1:8" ht="11.1" customHeight="1">
      <c r="A11" s="336" t="s">
        <v>492</v>
      </c>
      <c r="B11" s="335" t="s">
        <v>492</v>
      </c>
      <c r="C11" s="364" t="s">
        <v>655</v>
      </c>
      <c r="D11" s="383" t="s">
        <v>492</v>
      </c>
      <c r="E11" s="334" t="s">
        <v>654</v>
      </c>
      <c r="F11" s="388"/>
      <c r="G11" s="333"/>
      <c r="H11" s="332" t="s">
        <v>492</v>
      </c>
    </row>
    <row r="12" spans="1:8" ht="11.1" customHeight="1">
      <c r="A12" s="336" t="s">
        <v>492</v>
      </c>
      <c r="B12" s="340" t="s">
        <v>677</v>
      </c>
      <c r="C12" s="365" t="s">
        <v>666</v>
      </c>
      <c r="D12" s="373" t="s">
        <v>492</v>
      </c>
      <c r="E12" s="390" t="s">
        <v>492</v>
      </c>
      <c r="F12" s="389"/>
      <c r="G12" s="338"/>
      <c r="H12" s="337" t="s">
        <v>492</v>
      </c>
    </row>
    <row r="13" spans="1:8" ht="11.1" customHeight="1">
      <c r="A13" s="336" t="s">
        <v>492</v>
      </c>
      <c r="B13" s="340" t="s">
        <v>492</v>
      </c>
      <c r="C13" s="365" t="s">
        <v>676</v>
      </c>
      <c r="D13" s="373" t="s">
        <v>498</v>
      </c>
      <c r="E13" s="339" t="s">
        <v>492</v>
      </c>
      <c r="F13" s="373"/>
      <c r="G13" s="338"/>
      <c r="H13" s="337" t="s">
        <v>492</v>
      </c>
    </row>
    <row r="14" spans="1:8" ht="11.1" customHeight="1">
      <c r="A14" s="336" t="s">
        <v>492</v>
      </c>
      <c r="B14" s="335" t="s">
        <v>492</v>
      </c>
      <c r="C14" s="364" t="s">
        <v>664</v>
      </c>
      <c r="D14" s="383" t="s">
        <v>492</v>
      </c>
      <c r="E14" s="334" t="s">
        <v>654</v>
      </c>
      <c r="F14" s="388"/>
      <c r="G14" s="333"/>
      <c r="H14" s="332" t="s">
        <v>492</v>
      </c>
    </row>
    <row r="15" spans="1:8" ht="11.1" customHeight="1">
      <c r="A15" s="336" t="s">
        <v>492</v>
      </c>
      <c r="B15" s="340" t="s">
        <v>675</v>
      </c>
      <c r="C15" s="365" t="s">
        <v>674</v>
      </c>
      <c r="D15" s="373" t="s">
        <v>492</v>
      </c>
      <c r="E15" s="390" t="s">
        <v>492</v>
      </c>
      <c r="F15" s="389"/>
      <c r="G15" s="338"/>
      <c r="H15" s="337" t="s">
        <v>492</v>
      </c>
    </row>
    <row r="16" spans="1:8" ht="11.1" customHeight="1">
      <c r="A16" s="336" t="s">
        <v>492</v>
      </c>
      <c r="B16" s="340" t="s">
        <v>492</v>
      </c>
      <c r="C16" s="365" t="s">
        <v>661</v>
      </c>
      <c r="D16" s="373" t="s">
        <v>498</v>
      </c>
      <c r="E16" s="339" t="s">
        <v>492</v>
      </c>
      <c r="F16" s="373"/>
      <c r="G16" s="338"/>
      <c r="H16" s="337" t="s">
        <v>492</v>
      </c>
    </row>
    <row r="17" spans="1:8" ht="11.1" customHeight="1">
      <c r="A17" s="336" t="s">
        <v>492</v>
      </c>
      <c r="B17" s="335" t="s">
        <v>492</v>
      </c>
      <c r="C17" s="364" t="s">
        <v>660</v>
      </c>
      <c r="D17" s="383" t="s">
        <v>492</v>
      </c>
      <c r="E17" s="334" t="s">
        <v>654</v>
      </c>
      <c r="F17" s="388"/>
      <c r="G17" s="333"/>
      <c r="H17" s="332" t="s">
        <v>492</v>
      </c>
    </row>
    <row r="18" spans="1:8" ht="11.1" customHeight="1">
      <c r="A18" s="336" t="s">
        <v>492</v>
      </c>
      <c r="B18" s="340" t="s">
        <v>673</v>
      </c>
      <c r="C18" s="365" t="s">
        <v>672</v>
      </c>
      <c r="D18" s="373" t="s">
        <v>492</v>
      </c>
      <c r="E18" s="390" t="s">
        <v>492</v>
      </c>
      <c r="F18" s="389"/>
      <c r="G18" s="338"/>
      <c r="H18" s="337" t="s">
        <v>492</v>
      </c>
    </row>
    <row r="19" spans="1:8" ht="11.1" customHeight="1">
      <c r="A19" s="336" t="s">
        <v>492</v>
      </c>
      <c r="B19" s="340" t="s">
        <v>492</v>
      </c>
      <c r="C19" s="365" t="s">
        <v>671</v>
      </c>
      <c r="D19" s="373" t="s">
        <v>498</v>
      </c>
      <c r="E19" s="339" t="s">
        <v>492</v>
      </c>
      <c r="F19" s="373"/>
      <c r="G19" s="338"/>
      <c r="H19" s="337" t="s">
        <v>492</v>
      </c>
    </row>
    <row r="20" spans="1:8" ht="11.1" customHeight="1">
      <c r="A20" s="336" t="s">
        <v>492</v>
      </c>
      <c r="B20" s="335" t="s">
        <v>492</v>
      </c>
      <c r="C20" s="364" t="s">
        <v>664</v>
      </c>
      <c r="D20" s="383" t="s">
        <v>492</v>
      </c>
      <c r="E20" s="334" t="s">
        <v>654</v>
      </c>
      <c r="F20" s="388"/>
      <c r="G20" s="333"/>
      <c r="H20" s="332" t="s">
        <v>492</v>
      </c>
    </row>
    <row r="21" spans="1:8" ht="11.1" customHeight="1">
      <c r="A21" s="336" t="s">
        <v>492</v>
      </c>
      <c r="B21" s="340" t="s">
        <v>670</v>
      </c>
      <c r="C21" s="365" t="s">
        <v>669</v>
      </c>
      <c r="D21" s="373" t="s">
        <v>492</v>
      </c>
      <c r="E21" s="390" t="s">
        <v>492</v>
      </c>
      <c r="F21" s="389"/>
      <c r="G21" s="338"/>
      <c r="H21" s="337" t="s">
        <v>492</v>
      </c>
    </row>
    <row r="22" spans="1:8" ht="11.1" customHeight="1">
      <c r="A22" s="336" t="s">
        <v>492</v>
      </c>
      <c r="B22" s="340" t="s">
        <v>492</v>
      </c>
      <c r="C22" s="365" t="s">
        <v>668</v>
      </c>
      <c r="D22" s="373" t="s">
        <v>498</v>
      </c>
      <c r="E22" s="339" t="s">
        <v>492</v>
      </c>
      <c r="F22" s="373"/>
      <c r="G22" s="338"/>
      <c r="H22" s="337" t="s">
        <v>492</v>
      </c>
    </row>
    <row r="23" spans="1:8" ht="11.1" customHeight="1">
      <c r="A23" s="336" t="s">
        <v>492</v>
      </c>
      <c r="B23" s="335" t="s">
        <v>492</v>
      </c>
      <c r="C23" s="364" t="s">
        <v>655</v>
      </c>
      <c r="D23" s="383" t="s">
        <v>492</v>
      </c>
      <c r="E23" s="334" t="s">
        <v>654</v>
      </c>
      <c r="F23" s="388"/>
      <c r="G23" s="333"/>
      <c r="H23" s="332" t="s">
        <v>492</v>
      </c>
    </row>
    <row r="24" spans="1:8" ht="11.1" customHeight="1">
      <c r="A24" s="336" t="s">
        <v>492</v>
      </c>
      <c r="B24" s="340" t="s">
        <v>667</v>
      </c>
      <c r="C24" s="365" t="s">
        <v>666</v>
      </c>
      <c r="D24" s="373" t="s">
        <v>492</v>
      </c>
      <c r="E24" s="390" t="s">
        <v>492</v>
      </c>
      <c r="F24" s="389"/>
      <c r="G24" s="338"/>
      <c r="H24" s="337" t="s">
        <v>492</v>
      </c>
    </row>
    <row r="25" spans="1:8" ht="11.1" customHeight="1">
      <c r="A25" s="336" t="s">
        <v>492</v>
      </c>
      <c r="B25" s="340" t="s">
        <v>492</v>
      </c>
      <c r="C25" s="365" t="s">
        <v>665</v>
      </c>
      <c r="D25" s="373" t="s">
        <v>498</v>
      </c>
      <c r="E25" s="339" t="s">
        <v>492</v>
      </c>
      <c r="F25" s="373"/>
      <c r="G25" s="338"/>
      <c r="H25" s="337" t="s">
        <v>492</v>
      </c>
    </row>
    <row r="26" spans="1:8" ht="11.1" customHeight="1">
      <c r="A26" s="336" t="s">
        <v>492</v>
      </c>
      <c r="B26" s="335" t="s">
        <v>492</v>
      </c>
      <c r="C26" s="364" t="s">
        <v>664</v>
      </c>
      <c r="D26" s="383" t="s">
        <v>492</v>
      </c>
      <c r="E26" s="334" t="s">
        <v>654</v>
      </c>
      <c r="F26" s="388"/>
      <c r="G26" s="333"/>
      <c r="H26" s="332" t="s">
        <v>492</v>
      </c>
    </row>
    <row r="27" spans="1:8" ht="11.1" customHeight="1">
      <c r="A27" s="336" t="s">
        <v>492</v>
      </c>
      <c r="B27" s="340" t="s">
        <v>663</v>
      </c>
      <c r="C27" s="365" t="s">
        <v>662</v>
      </c>
      <c r="D27" s="373" t="s">
        <v>492</v>
      </c>
      <c r="E27" s="390" t="s">
        <v>492</v>
      </c>
      <c r="F27" s="389"/>
      <c r="G27" s="338"/>
      <c r="H27" s="337" t="s">
        <v>492</v>
      </c>
    </row>
    <row r="28" spans="1:8" ht="11.1" customHeight="1">
      <c r="A28" s="336" t="s">
        <v>492</v>
      </c>
      <c r="B28" s="340" t="s">
        <v>492</v>
      </c>
      <c r="C28" s="365" t="s">
        <v>661</v>
      </c>
      <c r="D28" s="373" t="s">
        <v>498</v>
      </c>
      <c r="E28" s="339" t="s">
        <v>492</v>
      </c>
      <c r="F28" s="373"/>
      <c r="G28" s="338"/>
      <c r="H28" s="337" t="s">
        <v>492</v>
      </c>
    </row>
    <row r="29" spans="1:8" ht="11.1" customHeight="1">
      <c r="A29" s="336" t="s">
        <v>492</v>
      </c>
      <c r="B29" s="335" t="s">
        <v>492</v>
      </c>
      <c r="C29" s="364" t="s">
        <v>660</v>
      </c>
      <c r="D29" s="383" t="s">
        <v>492</v>
      </c>
      <c r="E29" s="334" t="s">
        <v>654</v>
      </c>
      <c r="F29" s="388"/>
      <c r="G29" s="333"/>
      <c r="H29" s="332" t="s">
        <v>492</v>
      </c>
    </row>
    <row r="30" spans="1:8" ht="11.1" customHeight="1">
      <c r="A30" s="336" t="s">
        <v>492</v>
      </c>
      <c r="B30" s="340" t="s">
        <v>659</v>
      </c>
      <c r="C30" s="365" t="s">
        <v>658</v>
      </c>
      <c r="D30" s="373" t="s">
        <v>492</v>
      </c>
      <c r="E30" s="390" t="s">
        <v>492</v>
      </c>
      <c r="F30" s="389"/>
      <c r="G30" s="338"/>
      <c r="H30" s="337" t="s">
        <v>492</v>
      </c>
    </row>
    <row r="31" spans="1:8" ht="11.1" customHeight="1">
      <c r="A31" s="336" t="s">
        <v>492</v>
      </c>
      <c r="B31" s="340" t="s">
        <v>657</v>
      </c>
      <c r="C31" s="365" t="s">
        <v>656</v>
      </c>
      <c r="D31" s="373" t="s">
        <v>498</v>
      </c>
      <c r="E31" s="339" t="s">
        <v>492</v>
      </c>
      <c r="F31" s="373"/>
      <c r="G31" s="338"/>
      <c r="H31" s="337" t="s">
        <v>492</v>
      </c>
    </row>
    <row r="32" spans="1:8" ht="11.1" customHeight="1">
      <c r="A32" s="336" t="s">
        <v>492</v>
      </c>
      <c r="B32" s="335" t="s">
        <v>492</v>
      </c>
      <c r="C32" s="364" t="s">
        <v>655</v>
      </c>
      <c r="D32" s="383" t="s">
        <v>492</v>
      </c>
      <c r="E32" s="334" t="s">
        <v>654</v>
      </c>
      <c r="F32" s="388"/>
      <c r="G32" s="333"/>
      <c r="H32" s="332" t="s">
        <v>492</v>
      </c>
    </row>
    <row r="33" spans="1:8" ht="11.1" customHeight="1">
      <c r="A33" s="336" t="s">
        <v>492</v>
      </c>
      <c r="B33" s="340" t="s">
        <v>653</v>
      </c>
      <c r="C33" s="365" t="s">
        <v>652</v>
      </c>
      <c r="D33" s="373" t="s">
        <v>492</v>
      </c>
      <c r="E33" s="390" t="s">
        <v>492</v>
      </c>
      <c r="F33" s="389"/>
      <c r="G33" s="338"/>
      <c r="H33" s="337" t="s">
        <v>492</v>
      </c>
    </row>
    <row r="34" spans="1:8" ht="11.1" customHeight="1">
      <c r="A34" s="336" t="s">
        <v>492</v>
      </c>
      <c r="B34" s="340" t="s">
        <v>492</v>
      </c>
      <c r="C34" s="365" t="s">
        <v>651</v>
      </c>
      <c r="D34" s="373" t="s">
        <v>498</v>
      </c>
      <c r="E34" s="339" t="s">
        <v>492</v>
      </c>
      <c r="F34" s="373"/>
      <c r="G34" s="338"/>
      <c r="H34" s="337" t="s">
        <v>492</v>
      </c>
    </row>
    <row r="35" spans="1:8" ht="11.1" customHeight="1">
      <c r="A35" s="336" t="s">
        <v>492</v>
      </c>
      <c r="B35" s="335" t="s">
        <v>492</v>
      </c>
      <c r="C35" s="364" t="s">
        <v>650</v>
      </c>
      <c r="D35" s="383" t="s">
        <v>492</v>
      </c>
      <c r="E35" s="334" t="s">
        <v>564</v>
      </c>
      <c r="F35" s="388"/>
      <c r="G35" s="333"/>
      <c r="H35" s="332" t="s">
        <v>492</v>
      </c>
    </row>
    <row r="36" spans="1:8" ht="11.1" customHeight="1">
      <c r="A36" s="336" t="s">
        <v>492</v>
      </c>
      <c r="B36" s="340" t="s">
        <v>649</v>
      </c>
      <c r="C36" s="365" t="s">
        <v>492</v>
      </c>
      <c r="D36" s="373" t="s">
        <v>492</v>
      </c>
      <c r="E36" s="390" t="s">
        <v>492</v>
      </c>
      <c r="F36" s="389"/>
      <c r="G36" s="338"/>
      <c r="H36" s="337" t="s">
        <v>492</v>
      </c>
    </row>
    <row r="37" spans="1:8" ht="11.1" customHeight="1">
      <c r="A37" s="336" t="s">
        <v>492</v>
      </c>
      <c r="B37" s="340" t="s">
        <v>492</v>
      </c>
      <c r="C37" s="365" t="s">
        <v>492</v>
      </c>
      <c r="D37" s="373" t="s">
        <v>498</v>
      </c>
      <c r="E37" s="339" t="s">
        <v>492</v>
      </c>
      <c r="F37" s="373"/>
      <c r="G37" s="338"/>
      <c r="H37" s="337" t="s">
        <v>492</v>
      </c>
    </row>
    <row r="38" spans="1:8" ht="11.1" customHeight="1">
      <c r="A38" s="336" t="s">
        <v>492</v>
      </c>
      <c r="B38" s="335" t="s">
        <v>492</v>
      </c>
      <c r="C38" s="364" t="s">
        <v>492</v>
      </c>
      <c r="D38" s="383" t="s">
        <v>492</v>
      </c>
      <c r="E38" s="334" t="s">
        <v>497</v>
      </c>
      <c r="F38" s="388"/>
      <c r="G38" s="333"/>
      <c r="H38" s="332" t="s">
        <v>492</v>
      </c>
    </row>
    <row r="39" spans="1:8" ht="11.1" customHeight="1">
      <c r="A39" s="336" t="s">
        <v>492</v>
      </c>
      <c r="B39" s="344" t="s">
        <v>541</v>
      </c>
      <c r="C39" s="387" t="s">
        <v>492</v>
      </c>
      <c r="D39" s="378" t="s">
        <v>492</v>
      </c>
      <c r="E39" s="343" t="s">
        <v>492</v>
      </c>
      <c r="F39" s="378"/>
      <c r="G39" s="342"/>
      <c r="H39" s="341" t="s">
        <v>492</v>
      </c>
    </row>
    <row r="40" spans="1:8" ht="11.1" customHeight="1">
      <c r="A40" s="336" t="s">
        <v>492</v>
      </c>
      <c r="B40" s="340" t="s">
        <v>492</v>
      </c>
      <c r="C40" s="365" t="s">
        <v>492</v>
      </c>
      <c r="D40" s="373" t="s">
        <v>492</v>
      </c>
      <c r="E40" s="339" t="s">
        <v>492</v>
      </c>
      <c r="F40" s="373"/>
      <c r="G40" s="338"/>
      <c r="H40" s="337" t="s">
        <v>492</v>
      </c>
    </row>
    <row r="41" spans="1:8" ht="11.1" customHeight="1">
      <c r="A41" s="336" t="s">
        <v>492</v>
      </c>
      <c r="B41" s="335" t="s">
        <v>492</v>
      </c>
      <c r="C41" s="364" t="s">
        <v>492</v>
      </c>
      <c r="D41" s="383" t="s">
        <v>492</v>
      </c>
      <c r="E41" s="334" t="s">
        <v>492</v>
      </c>
      <c r="F41" s="383"/>
      <c r="G41" s="333"/>
      <c r="H41" s="332" t="s">
        <v>492</v>
      </c>
    </row>
    <row r="42" spans="1:8" ht="11.1" customHeight="1">
      <c r="A42" s="336"/>
      <c r="B42" s="381"/>
      <c r="C42" s="380"/>
      <c r="D42" s="378"/>
      <c r="E42" s="379"/>
      <c r="F42" s="378"/>
      <c r="G42" s="342"/>
      <c r="H42" s="377"/>
    </row>
    <row r="43" spans="1:8" ht="11.1" customHeight="1">
      <c r="A43" s="336"/>
      <c r="B43" s="376"/>
      <c r="C43" s="375"/>
      <c r="D43" s="373"/>
      <c r="E43" s="374"/>
      <c r="F43" s="373"/>
      <c r="G43" s="338"/>
      <c r="H43" s="372"/>
    </row>
    <row r="44" spans="1:8" ht="11.1" customHeight="1">
      <c r="A44" s="336"/>
      <c r="B44" s="386"/>
      <c r="C44" s="385"/>
      <c r="D44" s="383"/>
      <c r="E44" s="384"/>
      <c r="F44" s="383"/>
      <c r="G44" s="333"/>
      <c r="H44" s="382"/>
    </row>
    <row r="45" spans="1:8" ht="11.1" customHeight="1">
      <c r="A45" s="336"/>
      <c r="B45" s="381"/>
      <c r="C45" s="380"/>
      <c r="D45" s="378"/>
      <c r="E45" s="379"/>
      <c r="F45" s="378"/>
      <c r="G45" s="342"/>
      <c r="H45" s="377"/>
    </row>
    <row r="46" spans="1:8" ht="11.1" customHeight="1">
      <c r="A46" s="336"/>
      <c r="B46" s="376"/>
      <c r="C46" s="375"/>
      <c r="D46" s="373"/>
      <c r="E46" s="374"/>
      <c r="F46" s="373"/>
      <c r="G46" s="338"/>
      <c r="H46" s="372"/>
    </row>
    <row r="47" spans="1:8" ht="11.1" customHeight="1">
      <c r="A47" s="336"/>
      <c r="B47" s="386"/>
      <c r="C47" s="385"/>
      <c r="D47" s="383"/>
      <c r="E47" s="384"/>
      <c r="F47" s="383"/>
      <c r="G47" s="333"/>
      <c r="H47" s="382"/>
    </row>
    <row r="48" spans="1:8" ht="11.1" customHeight="1">
      <c r="A48" s="336"/>
      <c r="B48" s="381"/>
      <c r="C48" s="380"/>
      <c r="D48" s="378"/>
      <c r="E48" s="379"/>
      <c r="F48" s="378"/>
      <c r="G48" s="342"/>
      <c r="H48" s="377"/>
    </row>
    <row r="49" spans="1:8" ht="11.1" customHeight="1">
      <c r="A49" s="336"/>
      <c r="B49" s="376"/>
      <c r="C49" s="375"/>
      <c r="D49" s="373"/>
      <c r="E49" s="374"/>
      <c r="F49" s="373"/>
      <c r="G49" s="338"/>
      <c r="H49" s="372"/>
    </row>
    <row r="50" spans="1:8" ht="11.1" customHeight="1">
      <c r="A50" s="336"/>
      <c r="B50" s="371"/>
      <c r="C50" s="370"/>
      <c r="D50" s="368"/>
      <c r="E50" s="369"/>
      <c r="F50" s="368"/>
      <c r="G50" s="348"/>
      <c r="H50" s="367"/>
    </row>
    <row r="51" spans="1:8" ht="0.95" customHeight="1">
      <c r="B51" s="331"/>
      <c r="C51" s="331"/>
      <c r="D51" s="331"/>
      <c r="E51" s="331"/>
      <c r="F51" s="331"/>
      <c r="G51" s="331"/>
      <c r="H51" s="331"/>
    </row>
    <row r="52" spans="1:8" ht="15.95" customHeight="1">
      <c r="B52" s="346" t="s">
        <v>562</v>
      </c>
      <c r="C52" s="346"/>
      <c r="D52" s="346"/>
      <c r="E52" s="346"/>
      <c r="F52" s="346"/>
      <c r="G52" s="346"/>
      <c r="H52" s="345" t="s">
        <v>648</v>
      </c>
    </row>
    <row r="53" spans="1:8" ht="12.6" customHeight="1">
      <c r="A53" s="336"/>
      <c r="B53" s="452" t="s">
        <v>538</v>
      </c>
      <c r="C53" s="453"/>
      <c r="D53" s="453" t="s">
        <v>611</v>
      </c>
      <c r="E53" s="453"/>
      <c r="F53" s="453"/>
      <c r="G53" s="453" t="s">
        <v>610</v>
      </c>
      <c r="H53" s="454"/>
    </row>
    <row r="54" spans="1:8" ht="12.6" customHeight="1">
      <c r="A54" s="336"/>
      <c r="B54" s="452"/>
      <c r="C54" s="453"/>
      <c r="D54" s="453"/>
      <c r="E54" s="453"/>
      <c r="F54" s="453"/>
      <c r="G54" s="453"/>
      <c r="H54" s="454"/>
    </row>
    <row r="55" spans="1:8" ht="10.5" customHeight="1">
      <c r="A55" s="336"/>
      <c r="B55" s="446" t="s">
        <v>559</v>
      </c>
      <c r="C55" s="448" t="s">
        <v>558</v>
      </c>
      <c r="D55" s="448" t="s">
        <v>511</v>
      </c>
      <c r="E55" s="448" t="s">
        <v>510</v>
      </c>
      <c r="F55" s="448" t="s">
        <v>557</v>
      </c>
      <c r="G55" s="448" t="s">
        <v>556</v>
      </c>
      <c r="H55" s="450" t="s">
        <v>508</v>
      </c>
    </row>
    <row r="56" spans="1:8" ht="10.5" customHeight="1">
      <c r="A56" s="336"/>
      <c r="B56" s="447"/>
      <c r="C56" s="449"/>
      <c r="D56" s="449"/>
      <c r="E56" s="449"/>
      <c r="F56" s="449"/>
      <c r="G56" s="449"/>
      <c r="H56" s="451"/>
    </row>
    <row r="57" spans="1:8" ht="11.1" customHeight="1">
      <c r="A57" s="336" t="s">
        <v>492</v>
      </c>
      <c r="B57" s="340" t="s">
        <v>643</v>
      </c>
      <c r="C57" s="365" t="s">
        <v>647</v>
      </c>
      <c r="D57" s="373" t="s">
        <v>492</v>
      </c>
      <c r="E57" s="390" t="s">
        <v>492</v>
      </c>
      <c r="F57" s="389" t="s">
        <v>492</v>
      </c>
      <c r="G57" s="338" t="s">
        <v>492</v>
      </c>
      <c r="H57" s="337" t="s">
        <v>492</v>
      </c>
    </row>
    <row r="58" spans="1:8" ht="11.1" customHeight="1">
      <c r="A58" s="336" t="s">
        <v>492</v>
      </c>
      <c r="B58" s="340" t="s">
        <v>641</v>
      </c>
      <c r="C58" s="365" t="s">
        <v>492</v>
      </c>
      <c r="D58" s="373" t="s">
        <v>646</v>
      </c>
      <c r="E58" s="339" t="s">
        <v>492</v>
      </c>
      <c r="F58" s="373"/>
      <c r="G58" s="338"/>
      <c r="H58" s="337" t="s">
        <v>492</v>
      </c>
    </row>
    <row r="59" spans="1:8" ht="11.1" customHeight="1">
      <c r="A59" s="336" t="s">
        <v>492</v>
      </c>
      <c r="B59" s="335" t="s">
        <v>492</v>
      </c>
      <c r="C59" s="364" t="s">
        <v>492</v>
      </c>
      <c r="D59" s="383" t="s">
        <v>492</v>
      </c>
      <c r="E59" s="334" t="s">
        <v>631</v>
      </c>
      <c r="F59" s="388"/>
      <c r="G59" s="333"/>
      <c r="H59" s="332" t="s">
        <v>492</v>
      </c>
    </row>
    <row r="60" spans="1:8" ht="11.1" customHeight="1">
      <c r="A60" s="336" t="s">
        <v>492</v>
      </c>
      <c r="B60" s="340" t="s">
        <v>643</v>
      </c>
      <c r="C60" s="365" t="s">
        <v>645</v>
      </c>
      <c r="D60" s="373" t="s">
        <v>492</v>
      </c>
      <c r="E60" s="390" t="s">
        <v>492</v>
      </c>
      <c r="F60" s="389"/>
      <c r="G60" s="338"/>
      <c r="H60" s="337" t="s">
        <v>492</v>
      </c>
    </row>
    <row r="61" spans="1:8" ht="11.1" customHeight="1">
      <c r="A61" s="336" t="s">
        <v>492</v>
      </c>
      <c r="B61" s="340" t="s">
        <v>641</v>
      </c>
      <c r="C61" s="365" t="s">
        <v>492</v>
      </c>
      <c r="D61" s="373" t="s">
        <v>644</v>
      </c>
      <c r="E61" s="339" t="s">
        <v>492</v>
      </c>
      <c r="F61" s="373"/>
      <c r="G61" s="338"/>
      <c r="H61" s="337" t="s">
        <v>492</v>
      </c>
    </row>
    <row r="62" spans="1:8" ht="11.1" customHeight="1">
      <c r="A62" s="336" t="s">
        <v>492</v>
      </c>
      <c r="B62" s="335" t="s">
        <v>492</v>
      </c>
      <c r="C62" s="364" t="s">
        <v>492</v>
      </c>
      <c r="D62" s="383" t="s">
        <v>492</v>
      </c>
      <c r="E62" s="334" t="s">
        <v>631</v>
      </c>
      <c r="F62" s="388"/>
      <c r="G62" s="333"/>
      <c r="H62" s="332" t="s">
        <v>492</v>
      </c>
    </row>
    <row r="63" spans="1:8" ht="11.1" customHeight="1">
      <c r="A63" s="336" t="s">
        <v>492</v>
      </c>
      <c r="B63" s="340" t="s">
        <v>643</v>
      </c>
      <c r="C63" s="365" t="s">
        <v>642</v>
      </c>
      <c r="D63" s="373" t="s">
        <v>492</v>
      </c>
      <c r="E63" s="390" t="s">
        <v>492</v>
      </c>
      <c r="F63" s="389"/>
      <c r="G63" s="338"/>
      <c r="H63" s="337" t="s">
        <v>492</v>
      </c>
    </row>
    <row r="64" spans="1:8" ht="11.1" customHeight="1">
      <c r="A64" s="336" t="s">
        <v>492</v>
      </c>
      <c r="B64" s="340" t="s">
        <v>641</v>
      </c>
      <c r="C64" s="365" t="s">
        <v>492</v>
      </c>
      <c r="D64" s="373" t="s">
        <v>582</v>
      </c>
      <c r="E64" s="339" t="s">
        <v>492</v>
      </c>
      <c r="F64" s="373"/>
      <c r="G64" s="338"/>
      <c r="H64" s="337" t="s">
        <v>492</v>
      </c>
    </row>
    <row r="65" spans="1:8" ht="11.1" customHeight="1">
      <c r="A65" s="336" t="s">
        <v>492</v>
      </c>
      <c r="B65" s="335" t="s">
        <v>492</v>
      </c>
      <c r="C65" s="364" t="s">
        <v>492</v>
      </c>
      <c r="D65" s="383" t="s">
        <v>492</v>
      </c>
      <c r="E65" s="334" t="s">
        <v>631</v>
      </c>
      <c r="F65" s="388"/>
      <c r="G65" s="333"/>
      <c r="H65" s="332" t="s">
        <v>492</v>
      </c>
    </row>
    <row r="66" spans="1:8" ht="11.1" customHeight="1">
      <c r="A66" s="336" t="s">
        <v>492</v>
      </c>
      <c r="B66" s="340" t="s">
        <v>640</v>
      </c>
      <c r="C66" s="365" t="s">
        <v>639</v>
      </c>
      <c r="D66" s="373" t="s">
        <v>492</v>
      </c>
      <c r="E66" s="390" t="s">
        <v>492</v>
      </c>
      <c r="F66" s="389"/>
      <c r="G66" s="338"/>
      <c r="H66" s="337" t="s">
        <v>492</v>
      </c>
    </row>
    <row r="67" spans="1:8" ht="11.1" customHeight="1">
      <c r="A67" s="336" t="s">
        <v>492</v>
      </c>
      <c r="B67" s="340" t="s">
        <v>492</v>
      </c>
      <c r="C67" s="365" t="s">
        <v>492</v>
      </c>
      <c r="D67" s="373" t="s">
        <v>582</v>
      </c>
      <c r="E67" s="339" t="s">
        <v>492</v>
      </c>
      <c r="F67" s="373"/>
      <c r="G67" s="338"/>
      <c r="H67" s="337" t="s">
        <v>492</v>
      </c>
    </row>
    <row r="68" spans="1:8" ht="11.1" customHeight="1">
      <c r="A68" s="336" t="s">
        <v>492</v>
      </c>
      <c r="B68" s="335" t="s">
        <v>492</v>
      </c>
      <c r="C68" s="364" t="s">
        <v>492</v>
      </c>
      <c r="D68" s="383" t="s">
        <v>492</v>
      </c>
      <c r="E68" s="334" t="s">
        <v>631</v>
      </c>
      <c r="F68" s="388"/>
      <c r="G68" s="333"/>
      <c r="H68" s="332" t="s">
        <v>492</v>
      </c>
    </row>
    <row r="69" spans="1:8" ht="11.1" customHeight="1">
      <c r="A69" s="336" t="s">
        <v>492</v>
      </c>
      <c r="B69" s="340" t="s">
        <v>636</v>
      </c>
      <c r="C69" s="365" t="s">
        <v>638</v>
      </c>
      <c r="D69" s="373" t="s">
        <v>492</v>
      </c>
      <c r="E69" s="390" t="s">
        <v>492</v>
      </c>
      <c r="F69" s="389"/>
      <c r="G69" s="338"/>
      <c r="H69" s="337" t="s">
        <v>492</v>
      </c>
    </row>
    <row r="70" spans="1:8" ht="11.1" customHeight="1">
      <c r="A70" s="336" t="s">
        <v>492</v>
      </c>
      <c r="B70" s="340" t="s">
        <v>634</v>
      </c>
      <c r="C70" s="365" t="s">
        <v>492</v>
      </c>
      <c r="D70" s="373" t="s">
        <v>637</v>
      </c>
      <c r="E70" s="339" t="s">
        <v>492</v>
      </c>
      <c r="F70" s="373"/>
      <c r="G70" s="338"/>
      <c r="H70" s="337" t="s">
        <v>492</v>
      </c>
    </row>
    <row r="71" spans="1:8" ht="11.1" customHeight="1">
      <c r="A71" s="336" t="s">
        <v>492</v>
      </c>
      <c r="B71" s="335" t="s">
        <v>632</v>
      </c>
      <c r="C71" s="364" t="s">
        <v>492</v>
      </c>
      <c r="D71" s="383" t="s">
        <v>492</v>
      </c>
      <c r="E71" s="334" t="s">
        <v>631</v>
      </c>
      <c r="F71" s="388"/>
      <c r="G71" s="333"/>
      <c r="H71" s="332" t="s">
        <v>492</v>
      </c>
    </row>
    <row r="72" spans="1:8" ht="11.1" customHeight="1">
      <c r="A72" s="336" t="s">
        <v>492</v>
      </c>
      <c r="B72" s="340" t="s">
        <v>636</v>
      </c>
      <c r="C72" s="365" t="s">
        <v>635</v>
      </c>
      <c r="D72" s="373" t="s">
        <v>492</v>
      </c>
      <c r="E72" s="390" t="s">
        <v>492</v>
      </c>
      <c r="F72" s="389"/>
      <c r="G72" s="338"/>
      <c r="H72" s="337" t="s">
        <v>492</v>
      </c>
    </row>
    <row r="73" spans="1:8" ht="11.1" customHeight="1">
      <c r="A73" s="336" t="s">
        <v>492</v>
      </c>
      <c r="B73" s="340" t="s">
        <v>634</v>
      </c>
      <c r="C73" s="365" t="s">
        <v>492</v>
      </c>
      <c r="D73" s="373" t="s">
        <v>633</v>
      </c>
      <c r="E73" s="339" t="s">
        <v>492</v>
      </c>
      <c r="F73" s="373"/>
      <c r="G73" s="338"/>
      <c r="H73" s="337" t="s">
        <v>492</v>
      </c>
    </row>
    <row r="74" spans="1:8" ht="11.1" customHeight="1">
      <c r="A74" s="336" t="s">
        <v>492</v>
      </c>
      <c r="B74" s="335" t="s">
        <v>632</v>
      </c>
      <c r="C74" s="364" t="s">
        <v>492</v>
      </c>
      <c r="D74" s="383" t="s">
        <v>492</v>
      </c>
      <c r="E74" s="334" t="s">
        <v>631</v>
      </c>
      <c r="F74" s="388"/>
      <c r="G74" s="333"/>
      <c r="H74" s="332" t="s">
        <v>492</v>
      </c>
    </row>
    <row r="75" spans="1:8" ht="11.1" customHeight="1">
      <c r="A75" s="336" t="s">
        <v>492</v>
      </c>
      <c r="B75" s="340" t="s">
        <v>630</v>
      </c>
      <c r="C75" s="365" t="s">
        <v>629</v>
      </c>
      <c r="D75" s="373" t="s">
        <v>492</v>
      </c>
      <c r="E75" s="390" t="s">
        <v>492</v>
      </c>
      <c r="F75" s="389"/>
      <c r="G75" s="338"/>
      <c r="H75" s="337" t="s">
        <v>492</v>
      </c>
    </row>
    <row r="76" spans="1:8" ht="11.1" customHeight="1">
      <c r="A76" s="336" t="s">
        <v>492</v>
      </c>
      <c r="B76" s="340" t="s">
        <v>628</v>
      </c>
      <c r="C76" s="365" t="s">
        <v>492</v>
      </c>
      <c r="D76" s="373" t="s">
        <v>582</v>
      </c>
      <c r="E76" s="339" t="s">
        <v>492</v>
      </c>
      <c r="F76" s="373"/>
      <c r="G76" s="338"/>
      <c r="H76" s="337" t="s">
        <v>492</v>
      </c>
    </row>
    <row r="77" spans="1:8" ht="11.1" customHeight="1">
      <c r="A77" s="336" t="s">
        <v>492</v>
      </c>
      <c r="B77" s="335" t="s">
        <v>492</v>
      </c>
      <c r="C77" s="364" t="s">
        <v>492</v>
      </c>
      <c r="D77" s="383" t="s">
        <v>492</v>
      </c>
      <c r="E77" s="334" t="s">
        <v>546</v>
      </c>
      <c r="F77" s="388"/>
      <c r="G77" s="333"/>
      <c r="H77" s="332" t="s">
        <v>492</v>
      </c>
    </row>
    <row r="78" spans="1:8" ht="11.1" customHeight="1">
      <c r="A78" s="336" t="s">
        <v>492</v>
      </c>
      <c r="B78" s="340" t="s">
        <v>626</v>
      </c>
      <c r="C78" s="365" t="s">
        <v>627</v>
      </c>
      <c r="D78" s="373" t="s">
        <v>492</v>
      </c>
      <c r="E78" s="390" t="s">
        <v>492</v>
      </c>
      <c r="F78" s="389"/>
      <c r="G78" s="338"/>
      <c r="H78" s="337" t="s">
        <v>492</v>
      </c>
    </row>
    <row r="79" spans="1:8" ht="11.1" customHeight="1">
      <c r="A79" s="336" t="s">
        <v>492</v>
      </c>
      <c r="B79" s="340" t="s">
        <v>492</v>
      </c>
      <c r="C79" s="365" t="s">
        <v>492</v>
      </c>
      <c r="D79" s="373" t="s">
        <v>582</v>
      </c>
      <c r="E79" s="339" t="s">
        <v>492</v>
      </c>
      <c r="F79" s="373"/>
      <c r="G79" s="338"/>
      <c r="H79" s="337" t="s">
        <v>492</v>
      </c>
    </row>
    <row r="80" spans="1:8" ht="11.1" customHeight="1">
      <c r="A80" s="336" t="s">
        <v>492</v>
      </c>
      <c r="B80" s="335" t="s">
        <v>492</v>
      </c>
      <c r="C80" s="364" t="s">
        <v>492</v>
      </c>
      <c r="D80" s="383" t="s">
        <v>492</v>
      </c>
      <c r="E80" s="334" t="s">
        <v>543</v>
      </c>
      <c r="F80" s="388"/>
      <c r="G80" s="333"/>
      <c r="H80" s="332" t="s">
        <v>492</v>
      </c>
    </row>
    <row r="81" spans="1:8" ht="11.1" customHeight="1">
      <c r="A81" s="336" t="s">
        <v>492</v>
      </c>
      <c r="B81" s="340" t="s">
        <v>626</v>
      </c>
      <c r="C81" s="365" t="s">
        <v>625</v>
      </c>
      <c r="D81" s="373" t="s">
        <v>492</v>
      </c>
      <c r="E81" s="390" t="s">
        <v>492</v>
      </c>
      <c r="F81" s="389"/>
      <c r="G81" s="338"/>
      <c r="H81" s="337" t="s">
        <v>492</v>
      </c>
    </row>
    <row r="82" spans="1:8" ht="11.1" customHeight="1">
      <c r="A82" s="336" t="s">
        <v>492</v>
      </c>
      <c r="B82" s="340" t="s">
        <v>492</v>
      </c>
      <c r="C82" s="365" t="s">
        <v>492</v>
      </c>
      <c r="D82" s="373" t="s">
        <v>498</v>
      </c>
      <c r="E82" s="339" t="s">
        <v>492</v>
      </c>
      <c r="F82" s="373"/>
      <c r="G82" s="338"/>
      <c r="H82" s="337" t="s">
        <v>492</v>
      </c>
    </row>
    <row r="83" spans="1:8" ht="11.1" customHeight="1">
      <c r="A83" s="336" t="s">
        <v>492</v>
      </c>
      <c r="B83" s="335" t="s">
        <v>492</v>
      </c>
      <c r="C83" s="364" t="s">
        <v>492</v>
      </c>
      <c r="D83" s="383" t="s">
        <v>492</v>
      </c>
      <c r="E83" s="334" t="s">
        <v>543</v>
      </c>
      <c r="F83" s="388"/>
      <c r="G83" s="333"/>
      <c r="H83" s="332" t="s">
        <v>492</v>
      </c>
    </row>
    <row r="84" spans="1:8" ht="11.1" customHeight="1">
      <c r="A84" s="336" t="s">
        <v>492</v>
      </c>
      <c r="B84" s="340" t="s">
        <v>623</v>
      </c>
      <c r="C84" s="365" t="s">
        <v>624</v>
      </c>
      <c r="D84" s="373" t="s">
        <v>492</v>
      </c>
      <c r="E84" s="390" t="s">
        <v>492</v>
      </c>
      <c r="F84" s="389"/>
      <c r="G84" s="338"/>
      <c r="H84" s="337" t="s">
        <v>492</v>
      </c>
    </row>
    <row r="85" spans="1:8" ht="11.1" customHeight="1">
      <c r="A85" s="336" t="s">
        <v>492</v>
      </c>
      <c r="B85" s="340" t="s">
        <v>621</v>
      </c>
      <c r="C85" s="365" t="s">
        <v>492</v>
      </c>
      <c r="D85" s="373" t="s">
        <v>616</v>
      </c>
      <c r="E85" s="339" t="s">
        <v>492</v>
      </c>
      <c r="F85" s="373"/>
      <c r="G85" s="338"/>
      <c r="H85" s="337" t="s">
        <v>492</v>
      </c>
    </row>
    <row r="86" spans="1:8" ht="11.1" customHeight="1">
      <c r="A86" s="336" t="s">
        <v>492</v>
      </c>
      <c r="B86" s="335" t="s">
        <v>492</v>
      </c>
      <c r="C86" s="364" t="s">
        <v>492</v>
      </c>
      <c r="D86" s="383" t="s">
        <v>492</v>
      </c>
      <c r="E86" s="334" t="s">
        <v>543</v>
      </c>
      <c r="F86" s="388"/>
      <c r="G86" s="333"/>
      <c r="H86" s="332" t="s">
        <v>492</v>
      </c>
    </row>
    <row r="87" spans="1:8" ht="11.1" customHeight="1">
      <c r="A87" s="336" t="s">
        <v>492</v>
      </c>
      <c r="B87" s="340" t="s">
        <v>623</v>
      </c>
      <c r="C87" s="365" t="s">
        <v>622</v>
      </c>
      <c r="D87" s="373" t="s">
        <v>492</v>
      </c>
      <c r="E87" s="390" t="s">
        <v>492</v>
      </c>
      <c r="F87" s="389"/>
      <c r="G87" s="338"/>
      <c r="H87" s="337" t="s">
        <v>492</v>
      </c>
    </row>
    <row r="88" spans="1:8" ht="11.1" customHeight="1">
      <c r="A88" s="336" t="s">
        <v>492</v>
      </c>
      <c r="B88" s="340" t="s">
        <v>621</v>
      </c>
      <c r="C88" s="365" t="s">
        <v>492</v>
      </c>
      <c r="D88" s="373" t="s">
        <v>498</v>
      </c>
      <c r="E88" s="339" t="s">
        <v>492</v>
      </c>
      <c r="F88" s="373"/>
      <c r="G88" s="338"/>
      <c r="H88" s="337" t="s">
        <v>492</v>
      </c>
    </row>
    <row r="89" spans="1:8" ht="11.1" customHeight="1">
      <c r="A89" s="336" t="s">
        <v>492</v>
      </c>
      <c r="B89" s="335" t="s">
        <v>492</v>
      </c>
      <c r="C89" s="364" t="s">
        <v>492</v>
      </c>
      <c r="D89" s="383" t="s">
        <v>492</v>
      </c>
      <c r="E89" s="334" t="s">
        <v>543</v>
      </c>
      <c r="F89" s="388"/>
      <c r="G89" s="333"/>
      <c r="H89" s="332" t="s">
        <v>492</v>
      </c>
    </row>
    <row r="90" spans="1:8" ht="11.1" customHeight="1">
      <c r="A90" s="336" t="s">
        <v>492</v>
      </c>
      <c r="B90" s="340" t="s">
        <v>619</v>
      </c>
      <c r="C90" s="365" t="s">
        <v>620</v>
      </c>
      <c r="D90" s="373" t="s">
        <v>492</v>
      </c>
      <c r="E90" s="390" t="s">
        <v>492</v>
      </c>
      <c r="F90" s="389"/>
      <c r="G90" s="338"/>
      <c r="H90" s="337" t="s">
        <v>492</v>
      </c>
    </row>
    <row r="91" spans="1:8" ht="11.1" customHeight="1">
      <c r="A91" s="336" t="s">
        <v>492</v>
      </c>
      <c r="B91" s="340" t="s">
        <v>492</v>
      </c>
      <c r="C91" s="365" t="s">
        <v>492</v>
      </c>
      <c r="D91" s="373" t="s">
        <v>582</v>
      </c>
      <c r="E91" s="339" t="s">
        <v>492</v>
      </c>
      <c r="F91" s="373"/>
      <c r="G91" s="338"/>
      <c r="H91" s="337" t="s">
        <v>492</v>
      </c>
    </row>
    <row r="92" spans="1:8" ht="11.1" customHeight="1">
      <c r="A92" s="336" t="s">
        <v>492</v>
      </c>
      <c r="B92" s="335" t="s">
        <v>492</v>
      </c>
      <c r="C92" s="364" t="s">
        <v>492</v>
      </c>
      <c r="D92" s="383" t="s">
        <v>492</v>
      </c>
      <c r="E92" s="334" t="s">
        <v>543</v>
      </c>
      <c r="F92" s="388"/>
      <c r="G92" s="333"/>
      <c r="H92" s="332" t="s">
        <v>492</v>
      </c>
    </row>
    <row r="93" spans="1:8" ht="11.1" customHeight="1">
      <c r="A93" s="336" t="s">
        <v>492</v>
      </c>
      <c r="B93" s="340" t="s">
        <v>619</v>
      </c>
      <c r="C93" s="365" t="s">
        <v>618</v>
      </c>
      <c r="D93" s="373" t="s">
        <v>492</v>
      </c>
      <c r="E93" s="390" t="s">
        <v>492</v>
      </c>
      <c r="F93" s="389"/>
      <c r="G93" s="338"/>
      <c r="H93" s="337" t="s">
        <v>492</v>
      </c>
    </row>
    <row r="94" spans="1:8" ht="11.1" customHeight="1">
      <c r="A94" s="336" t="s">
        <v>492</v>
      </c>
      <c r="B94" s="340" t="s">
        <v>492</v>
      </c>
      <c r="C94" s="365" t="s">
        <v>492</v>
      </c>
      <c r="D94" s="373" t="s">
        <v>498</v>
      </c>
      <c r="E94" s="339" t="s">
        <v>492</v>
      </c>
      <c r="F94" s="373"/>
      <c r="G94" s="338"/>
      <c r="H94" s="337" t="s">
        <v>492</v>
      </c>
    </row>
    <row r="95" spans="1:8" ht="11.1" customHeight="1">
      <c r="A95" s="336" t="s">
        <v>492</v>
      </c>
      <c r="B95" s="335" t="s">
        <v>492</v>
      </c>
      <c r="C95" s="364" t="s">
        <v>492</v>
      </c>
      <c r="D95" s="383" t="s">
        <v>492</v>
      </c>
      <c r="E95" s="334" t="s">
        <v>543</v>
      </c>
      <c r="F95" s="388"/>
      <c r="G95" s="333"/>
      <c r="H95" s="332" t="s">
        <v>492</v>
      </c>
    </row>
    <row r="96" spans="1:8" ht="11.1" customHeight="1">
      <c r="A96" s="336" t="s">
        <v>492</v>
      </c>
      <c r="B96" s="340" t="s">
        <v>615</v>
      </c>
      <c r="C96" s="365" t="s">
        <v>617</v>
      </c>
      <c r="D96" s="373" t="s">
        <v>492</v>
      </c>
      <c r="E96" s="390" t="s">
        <v>492</v>
      </c>
      <c r="F96" s="389"/>
      <c r="G96" s="338"/>
      <c r="H96" s="337" t="s">
        <v>492</v>
      </c>
    </row>
    <row r="97" spans="1:8" ht="11.1" customHeight="1">
      <c r="A97" s="336" t="s">
        <v>492</v>
      </c>
      <c r="B97" s="340" t="s">
        <v>613</v>
      </c>
      <c r="C97" s="365" t="s">
        <v>492</v>
      </c>
      <c r="D97" s="373" t="s">
        <v>616</v>
      </c>
      <c r="E97" s="339" t="s">
        <v>492</v>
      </c>
      <c r="F97" s="373"/>
      <c r="G97" s="338"/>
      <c r="H97" s="337" t="s">
        <v>492</v>
      </c>
    </row>
    <row r="98" spans="1:8" ht="11.1" customHeight="1">
      <c r="A98" s="336" t="s">
        <v>492</v>
      </c>
      <c r="B98" s="335" t="s">
        <v>492</v>
      </c>
      <c r="C98" s="364" t="s">
        <v>492</v>
      </c>
      <c r="D98" s="383" t="s">
        <v>492</v>
      </c>
      <c r="E98" s="334" t="s">
        <v>543</v>
      </c>
      <c r="F98" s="388"/>
      <c r="G98" s="333"/>
      <c r="H98" s="332" t="s">
        <v>492</v>
      </c>
    </row>
    <row r="99" spans="1:8" ht="11.1" customHeight="1">
      <c r="A99" s="336" t="s">
        <v>492</v>
      </c>
      <c r="B99" s="340" t="s">
        <v>615</v>
      </c>
      <c r="C99" s="365" t="s">
        <v>614</v>
      </c>
      <c r="D99" s="373" t="s">
        <v>492</v>
      </c>
      <c r="E99" s="390" t="s">
        <v>492</v>
      </c>
      <c r="F99" s="389"/>
      <c r="G99" s="338"/>
      <c r="H99" s="337" t="s">
        <v>492</v>
      </c>
    </row>
    <row r="100" spans="1:8" ht="11.1" customHeight="1">
      <c r="A100" s="336" t="s">
        <v>492</v>
      </c>
      <c r="B100" s="340" t="s">
        <v>613</v>
      </c>
      <c r="C100" s="365" t="s">
        <v>492</v>
      </c>
      <c r="D100" s="373" t="s">
        <v>498</v>
      </c>
      <c r="E100" s="339" t="s">
        <v>492</v>
      </c>
      <c r="F100" s="373"/>
      <c r="G100" s="338"/>
      <c r="H100" s="337" t="s">
        <v>492</v>
      </c>
    </row>
    <row r="101" spans="1:8" ht="11.1" customHeight="1">
      <c r="A101" s="336" t="s">
        <v>492</v>
      </c>
      <c r="B101" s="335" t="s">
        <v>492</v>
      </c>
      <c r="C101" s="364" t="s">
        <v>492</v>
      </c>
      <c r="D101" s="383" t="s">
        <v>492</v>
      </c>
      <c r="E101" s="334" t="s">
        <v>543</v>
      </c>
      <c r="F101" s="388" t="s">
        <v>492</v>
      </c>
      <c r="G101" s="333" t="s">
        <v>492</v>
      </c>
      <c r="H101" s="332" t="s">
        <v>492</v>
      </c>
    </row>
    <row r="102" spans="1:8" ht="0.95" customHeight="1">
      <c r="B102" s="331"/>
      <c r="C102" s="331"/>
      <c r="D102" s="331"/>
      <c r="E102" s="331"/>
      <c r="F102" s="331"/>
      <c r="G102" s="331"/>
      <c r="H102" s="331"/>
    </row>
    <row r="103" spans="1:8" ht="15.95" customHeight="1">
      <c r="B103" s="346" t="s">
        <v>562</v>
      </c>
      <c r="C103" s="346"/>
      <c r="D103" s="346"/>
      <c r="E103" s="346"/>
      <c r="F103" s="346"/>
      <c r="G103" s="346"/>
      <c r="H103" s="345" t="s">
        <v>612</v>
      </c>
    </row>
    <row r="104" spans="1:8" ht="12.6" customHeight="1">
      <c r="A104" s="336"/>
      <c r="B104" s="452" t="s">
        <v>538</v>
      </c>
      <c r="C104" s="453"/>
      <c r="D104" s="453" t="s">
        <v>611</v>
      </c>
      <c r="E104" s="453"/>
      <c r="F104" s="453"/>
      <c r="G104" s="453" t="s">
        <v>610</v>
      </c>
      <c r="H104" s="454"/>
    </row>
    <row r="105" spans="1:8" ht="12.6" customHeight="1">
      <c r="A105" s="336"/>
      <c r="B105" s="452"/>
      <c r="C105" s="453"/>
      <c r="D105" s="453"/>
      <c r="E105" s="453"/>
      <c r="F105" s="453"/>
      <c r="G105" s="453"/>
      <c r="H105" s="454"/>
    </row>
    <row r="106" spans="1:8" ht="10.5" customHeight="1">
      <c r="A106" s="336"/>
      <c r="B106" s="446" t="s">
        <v>559</v>
      </c>
      <c r="C106" s="448" t="s">
        <v>558</v>
      </c>
      <c r="D106" s="448" t="s">
        <v>511</v>
      </c>
      <c r="E106" s="448" t="s">
        <v>510</v>
      </c>
      <c r="F106" s="448" t="s">
        <v>557</v>
      </c>
      <c r="G106" s="448" t="s">
        <v>556</v>
      </c>
      <c r="H106" s="450" t="s">
        <v>508</v>
      </c>
    </row>
    <row r="107" spans="1:8" ht="10.5" customHeight="1">
      <c r="A107" s="336"/>
      <c r="B107" s="447"/>
      <c r="C107" s="449"/>
      <c r="D107" s="449"/>
      <c r="E107" s="449"/>
      <c r="F107" s="449"/>
      <c r="G107" s="449"/>
      <c r="H107" s="451"/>
    </row>
    <row r="108" spans="1:8" ht="11.1" customHeight="1">
      <c r="A108" s="336" t="s">
        <v>492</v>
      </c>
      <c r="B108" s="340" t="s">
        <v>609</v>
      </c>
      <c r="C108" s="365" t="s">
        <v>605</v>
      </c>
      <c r="D108" s="373" t="s">
        <v>492</v>
      </c>
      <c r="E108" s="390" t="s">
        <v>492</v>
      </c>
      <c r="F108" s="389"/>
      <c r="G108" s="338"/>
      <c r="H108" s="337" t="s">
        <v>492</v>
      </c>
    </row>
    <row r="109" spans="1:8" ht="11.1" customHeight="1">
      <c r="A109" s="336" t="s">
        <v>492</v>
      </c>
      <c r="B109" s="340" t="s">
        <v>492</v>
      </c>
      <c r="C109" s="365" t="s">
        <v>492</v>
      </c>
      <c r="D109" s="373" t="s">
        <v>582</v>
      </c>
      <c r="E109" s="339" t="s">
        <v>492</v>
      </c>
      <c r="F109" s="373"/>
      <c r="G109" s="338"/>
      <c r="H109" s="337" t="s">
        <v>492</v>
      </c>
    </row>
    <row r="110" spans="1:8" ht="11.1" customHeight="1">
      <c r="A110" s="336" t="s">
        <v>492</v>
      </c>
      <c r="B110" s="335" t="s">
        <v>492</v>
      </c>
      <c r="C110" s="364" t="s">
        <v>492</v>
      </c>
      <c r="D110" s="383" t="s">
        <v>492</v>
      </c>
      <c r="E110" s="334" t="s">
        <v>543</v>
      </c>
      <c r="F110" s="388"/>
      <c r="G110" s="333"/>
      <c r="H110" s="332" t="s">
        <v>492</v>
      </c>
    </row>
    <row r="111" spans="1:8" ht="11.1" customHeight="1">
      <c r="A111" s="336" t="s">
        <v>492</v>
      </c>
      <c r="B111" s="340" t="s">
        <v>609</v>
      </c>
      <c r="C111" s="365" t="s">
        <v>607</v>
      </c>
      <c r="D111" s="373" t="s">
        <v>492</v>
      </c>
      <c r="E111" s="390" t="s">
        <v>492</v>
      </c>
      <c r="F111" s="389"/>
      <c r="G111" s="338"/>
      <c r="H111" s="337" t="s">
        <v>492</v>
      </c>
    </row>
    <row r="112" spans="1:8" ht="11.1" customHeight="1">
      <c r="A112" s="336" t="s">
        <v>492</v>
      </c>
      <c r="B112" s="340" t="s">
        <v>492</v>
      </c>
      <c r="C112" s="365" t="s">
        <v>492</v>
      </c>
      <c r="D112" s="373" t="s">
        <v>498</v>
      </c>
      <c r="E112" s="339" t="s">
        <v>492</v>
      </c>
      <c r="F112" s="373"/>
      <c r="G112" s="338"/>
      <c r="H112" s="337" t="s">
        <v>492</v>
      </c>
    </row>
    <row r="113" spans="1:8" ht="11.1" customHeight="1">
      <c r="A113" s="336" t="s">
        <v>492</v>
      </c>
      <c r="B113" s="335" t="s">
        <v>492</v>
      </c>
      <c r="C113" s="364" t="s">
        <v>492</v>
      </c>
      <c r="D113" s="383" t="s">
        <v>492</v>
      </c>
      <c r="E113" s="334" t="s">
        <v>543</v>
      </c>
      <c r="F113" s="388"/>
      <c r="G113" s="333"/>
      <c r="H113" s="332" t="s">
        <v>492</v>
      </c>
    </row>
    <row r="114" spans="1:8" ht="11.1" customHeight="1">
      <c r="A114" s="336" t="s">
        <v>492</v>
      </c>
      <c r="B114" s="340" t="s">
        <v>609</v>
      </c>
      <c r="C114" s="365" t="s">
        <v>603</v>
      </c>
      <c r="D114" s="373" t="s">
        <v>492</v>
      </c>
      <c r="E114" s="390" t="s">
        <v>492</v>
      </c>
      <c r="F114" s="389"/>
      <c r="G114" s="338"/>
      <c r="H114" s="337" t="s">
        <v>492</v>
      </c>
    </row>
    <row r="115" spans="1:8" ht="11.1" customHeight="1">
      <c r="A115" s="336" t="s">
        <v>492</v>
      </c>
      <c r="B115" s="340" t="s">
        <v>492</v>
      </c>
      <c r="C115" s="365" t="s">
        <v>492</v>
      </c>
      <c r="D115" s="373" t="s">
        <v>582</v>
      </c>
      <c r="E115" s="339" t="s">
        <v>492</v>
      </c>
      <c r="F115" s="373"/>
      <c r="G115" s="338"/>
      <c r="H115" s="337" t="s">
        <v>492</v>
      </c>
    </row>
    <row r="116" spans="1:8" ht="11.1" customHeight="1">
      <c r="A116" s="336" t="s">
        <v>492</v>
      </c>
      <c r="B116" s="335" t="s">
        <v>492</v>
      </c>
      <c r="C116" s="364" t="s">
        <v>492</v>
      </c>
      <c r="D116" s="383" t="s">
        <v>492</v>
      </c>
      <c r="E116" s="334" t="s">
        <v>543</v>
      </c>
      <c r="F116" s="388"/>
      <c r="G116" s="333"/>
      <c r="H116" s="332" t="s">
        <v>492</v>
      </c>
    </row>
    <row r="117" spans="1:8" ht="11.1" customHeight="1">
      <c r="A117" s="336" t="s">
        <v>492</v>
      </c>
      <c r="B117" s="340" t="s">
        <v>608</v>
      </c>
      <c r="C117" s="365" t="s">
        <v>607</v>
      </c>
      <c r="D117" s="373" t="s">
        <v>492</v>
      </c>
      <c r="E117" s="390" t="s">
        <v>492</v>
      </c>
      <c r="F117" s="389"/>
      <c r="G117" s="338"/>
      <c r="H117" s="337" t="s">
        <v>492</v>
      </c>
    </row>
    <row r="118" spans="1:8" ht="11.1" customHeight="1">
      <c r="A118" s="336" t="s">
        <v>492</v>
      </c>
      <c r="B118" s="340" t="s">
        <v>606</v>
      </c>
      <c r="C118" s="365" t="s">
        <v>492</v>
      </c>
      <c r="D118" s="373" t="s">
        <v>498</v>
      </c>
      <c r="E118" s="339" t="s">
        <v>492</v>
      </c>
      <c r="F118" s="373"/>
      <c r="G118" s="338"/>
      <c r="H118" s="337" t="s">
        <v>492</v>
      </c>
    </row>
    <row r="119" spans="1:8" ht="11.1" customHeight="1">
      <c r="A119" s="336" t="s">
        <v>492</v>
      </c>
      <c r="B119" s="335" t="s">
        <v>492</v>
      </c>
      <c r="C119" s="364" t="s">
        <v>492</v>
      </c>
      <c r="D119" s="383" t="s">
        <v>492</v>
      </c>
      <c r="E119" s="334" t="s">
        <v>543</v>
      </c>
      <c r="F119" s="388"/>
      <c r="G119" s="333"/>
      <c r="H119" s="332" t="s">
        <v>492</v>
      </c>
    </row>
    <row r="120" spans="1:8" ht="11.1" customHeight="1">
      <c r="A120" s="336" t="s">
        <v>492</v>
      </c>
      <c r="B120" s="340" t="s">
        <v>604</v>
      </c>
      <c r="C120" s="365" t="s">
        <v>605</v>
      </c>
      <c r="D120" s="373" t="s">
        <v>492</v>
      </c>
      <c r="E120" s="390" t="s">
        <v>492</v>
      </c>
      <c r="F120" s="389"/>
      <c r="G120" s="338"/>
      <c r="H120" s="337" t="s">
        <v>492</v>
      </c>
    </row>
    <row r="121" spans="1:8" ht="11.1" customHeight="1">
      <c r="A121" s="336" t="s">
        <v>492</v>
      </c>
      <c r="B121" s="340" t="s">
        <v>492</v>
      </c>
      <c r="C121" s="365" t="s">
        <v>492</v>
      </c>
      <c r="D121" s="373" t="s">
        <v>582</v>
      </c>
      <c r="E121" s="339" t="s">
        <v>492</v>
      </c>
      <c r="F121" s="373"/>
      <c r="G121" s="338"/>
      <c r="H121" s="337" t="s">
        <v>492</v>
      </c>
    </row>
    <row r="122" spans="1:8" ht="11.1" customHeight="1">
      <c r="A122" s="336" t="s">
        <v>492</v>
      </c>
      <c r="B122" s="335" t="s">
        <v>492</v>
      </c>
      <c r="C122" s="364" t="s">
        <v>492</v>
      </c>
      <c r="D122" s="383" t="s">
        <v>492</v>
      </c>
      <c r="E122" s="334" t="s">
        <v>543</v>
      </c>
      <c r="F122" s="388"/>
      <c r="G122" s="333"/>
      <c r="H122" s="332" t="s">
        <v>492</v>
      </c>
    </row>
    <row r="123" spans="1:8" ht="11.1" customHeight="1">
      <c r="A123" s="336" t="s">
        <v>492</v>
      </c>
      <c r="B123" s="340" t="s">
        <v>604</v>
      </c>
      <c r="C123" s="365" t="s">
        <v>603</v>
      </c>
      <c r="D123" s="373" t="s">
        <v>492</v>
      </c>
      <c r="E123" s="390" t="s">
        <v>492</v>
      </c>
      <c r="F123" s="389"/>
      <c r="G123" s="338"/>
      <c r="H123" s="337" t="s">
        <v>492</v>
      </c>
    </row>
    <row r="124" spans="1:8" ht="11.1" customHeight="1">
      <c r="A124" s="336" t="s">
        <v>492</v>
      </c>
      <c r="B124" s="340" t="s">
        <v>492</v>
      </c>
      <c r="C124" s="365" t="s">
        <v>492</v>
      </c>
      <c r="D124" s="373" t="s">
        <v>582</v>
      </c>
      <c r="E124" s="339" t="s">
        <v>492</v>
      </c>
      <c r="F124" s="373"/>
      <c r="G124" s="338"/>
      <c r="H124" s="337" t="s">
        <v>492</v>
      </c>
    </row>
    <row r="125" spans="1:8" ht="11.1" customHeight="1">
      <c r="A125" s="336" t="s">
        <v>492</v>
      </c>
      <c r="B125" s="335" t="s">
        <v>492</v>
      </c>
      <c r="C125" s="364" t="s">
        <v>492</v>
      </c>
      <c r="D125" s="383" t="s">
        <v>492</v>
      </c>
      <c r="E125" s="334" t="s">
        <v>543</v>
      </c>
      <c r="F125" s="388"/>
      <c r="G125" s="333"/>
      <c r="H125" s="332" t="s">
        <v>492</v>
      </c>
    </row>
    <row r="126" spans="1:8" ht="11.1" customHeight="1">
      <c r="A126" s="336" t="s">
        <v>492</v>
      </c>
      <c r="B126" s="340" t="s">
        <v>602</v>
      </c>
      <c r="C126" s="365" t="s">
        <v>601</v>
      </c>
      <c r="D126" s="373" t="s">
        <v>492</v>
      </c>
      <c r="E126" s="390" t="s">
        <v>492</v>
      </c>
      <c r="F126" s="389"/>
      <c r="G126" s="338"/>
      <c r="H126" s="337" t="s">
        <v>492</v>
      </c>
    </row>
    <row r="127" spans="1:8" ht="11.1" customHeight="1">
      <c r="A127" s="336" t="s">
        <v>492</v>
      </c>
      <c r="B127" s="340" t="s">
        <v>492</v>
      </c>
      <c r="C127" s="365" t="s">
        <v>492</v>
      </c>
      <c r="D127" s="373" t="s">
        <v>498</v>
      </c>
      <c r="E127" s="339" t="s">
        <v>492</v>
      </c>
      <c r="F127" s="373"/>
      <c r="G127" s="338"/>
      <c r="H127" s="337" t="s">
        <v>492</v>
      </c>
    </row>
    <row r="128" spans="1:8" ht="11.1" customHeight="1">
      <c r="A128" s="336" t="s">
        <v>492</v>
      </c>
      <c r="B128" s="335" t="s">
        <v>492</v>
      </c>
      <c r="C128" s="364" t="s">
        <v>492</v>
      </c>
      <c r="D128" s="383" t="s">
        <v>492</v>
      </c>
      <c r="E128" s="334" t="s">
        <v>543</v>
      </c>
      <c r="F128" s="388"/>
      <c r="G128" s="333"/>
      <c r="H128" s="332" t="s">
        <v>492</v>
      </c>
    </row>
    <row r="129" spans="1:8" ht="11.1" customHeight="1">
      <c r="A129" s="336" t="s">
        <v>492</v>
      </c>
      <c r="B129" s="340" t="s">
        <v>600</v>
      </c>
      <c r="C129" s="365" t="s">
        <v>492</v>
      </c>
      <c r="D129" s="373" t="s">
        <v>492</v>
      </c>
      <c r="E129" s="390" t="s">
        <v>492</v>
      </c>
      <c r="F129" s="389"/>
      <c r="G129" s="338"/>
      <c r="H129" s="337" t="s">
        <v>492</v>
      </c>
    </row>
    <row r="130" spans="1:8" ht="11.1" customHeight="1">
      <c r="A130" s="336" t="s">
        <v>492</v>
      </c>
      <c r="B130" s="340" t="s">
        <v>492</v>
      </c>
      <c r="C130" s="365" t="s">
        <v>492</v>
      </c>
      <c r="D130" s="373" t="s">
        <v>599</v>
      </c>
      <c r="E130" s="339" t="s">
        <v>492</v>
      </c>
      <c r="F130" s="373"/>
      <c r="G130" s="338"/>
      <c r="H130" s="337" t="s">
        <v>492</v>
      </c>
    </row>
    <row r="131" spans="1:8" ht="11.1" customHeight="1">
      <c r="A131" s="336" t="s">
        <v>492</v>
      </c>
      <c r="B131" s="335" t="s">
        <v>492</v>
      </c>
      <c r="C131" s="364" t="s">
        <v>492</v>
      </c>
      <c r="D131" s="383" t="s">
        <v>492</v>
      </c>
      <c r="E131" s="334" t="s">
        <v>543</v>
      </c>
      <c r="F131" s="388"/>
      <c r="G131" s="333"/>
      <c r="H131" s="332" t="s">
        <v>492</v>
      </c>
    </row>
    <row r="132" spans="1:8" ht="11.1" customHeight="1">
      <c r="A132" s="336" t="s">
        <v>492</v>
      </c>
      <c r="B132" s="340" t="s">
        <v>598</v>
      </c>
      <c r="C132" s="365" t="s">
        <v>597</v>
      </c>
      <c r="D132" s="373" t="s">
        <v>492</v>
      </c>
      <c r="E132" s="390" t="s">
        <v>492</v>
      </c>
      <c r="F132" s="389"/>
      <c r="G132" s="338"/>
      <c r="H132" s="337" t="s">
        <v>492</v>
      </c>
    </row>
    <row r="133" spans="1:8" ht="11.1" customHeight="1">
      <c r="A133" s="336" t="s">
        <v>492</v>
      </c>
      <c r="B133" s="340" t="s">
        <v>492</v>
      </c>
      <c r="C133" s="365" t="s">
        <v>492</v>
      </c>
      <c r="D133" s="373" t="s">
        <v>498</v>
      </c>
      <c r="E133" s="339" t="s">
        <v>492</v>
      </c>
      <c r="F133" s="373"/>
      <c r="G133" s="338"/>
      <c r="H133" s="337" t="s">
        <v>492</v>
      </c>
    </row>
    <row r="134" spans="1:8" ht="11.1" customHeight="1">
      <c r="A134" s="336" t="s">
        <v>492</v>
      </c>
      <c r="B134" s="335" t="s">
        <v>492</v>
      </c>
      <c r="C134" s="364" t="s">
        <v>492</v>
      </c>
      <c r="D134" s="383" t="s">
        <v>492</v>
      </c>
      <c r="E134" s="334" t="s">
        <v>543</v>
      </c>
      <c r="F134" s="388"/>
      <c r="G134" s="333"/>
      <c r="H134" s="332" t="s">
        <v>492</v>
      </c>
    </row>
    <row r="135" spans="1:8" ht="11.1" customHeight="1">
      <c r="A135" s="336" t="s">
        <v>492</v>
      </c>
      <c r="B135" s="340" t="s">
        <v>596</v>
      </c>
      <c r="C135" s="365" t="s">
        <v>492</v>
      </c>
      <c r="D135" s="373" t="s">
        <v>492</v>
      </c>
      <c r="E135" s="390" t="s">
        <v>492</v>
      </c>
      <c r="F135" s="389"/>
      <c r="G135" s="338"/>
      <c r="H135" s="337" t="s">
        <v>492</v>
      </c>
    </row>
    <row r="136" spans="1:8" ht="11.1" customHeight="1">
      <c r="A136" s="336" t="s">
        <v>492</v>
      </c>
      <c r="B136" s="340" t="s">
        <v>492</v>
      </c>
      <c r="C136" s="365" t="s">
        <v>492</v>
      </c>
      <c r="D136" s="373" t="s">
        <v>498</v>
      </c>
      <c r="E136" s="339" t="s">
        <v>492</v>
      </c>
      <c r="F136" s="373"/>
      <c r="G136" s="338"/>
      <c r="H136" s="337" t="s">
        <v>492</v>
      </c>
    </row>
    <row r="137" spans="1:8" ht="11.1" customHeight="1">
      <c r="A137" s="336" t="s">
        <v>492</v>
      </c>
      <c r="B137" s="335" t="s">
        <v>492</v>
      </c>
      <c r="C137" s="364" t="s">
        <v>492</v>
      </c>
      <c r="D137" s="383" t="s">
        <v>492</v>
      </c>
      <c r="E137" s="334" t="s">
        <v>497</v>
      </c>
      <c r="F137" s="388"/>
      <c r="G137" s="333"/>
      <c r="H137" s="332" t="s">
        <v>492</v>
      </c>
    </row>
    <row r="138" spans="1:8" ht="11.1" customHeight="1">
      <c r="A138" s="336" t="s">
        <v>492</v>
      </c>
      <c r="B138" s="340" t="s">
        <v>595</v>
      </c>
      <c r="C138" s="365" t="s">
        <v>492</v>
      </c>
      <c r="D138" s="373" t="s">
        <v>492</v>
      </c>
      <c r="E138" s="390" t="s">
        <v>492</v>
      </c>
      <c r="F138" s="389"/>
      <c r="G138" s="338"/>
      <c r="H138" s="337" t="s">
        <v>492</v>
      </c>
    </row>
    <row r="139" spans="1:8" ht="11.1" customHeight="1">
      <c r="A139" s="336" t="s">
        <v>492</v>
      </c>
      <c r="B139" s="340" t="s">
        <v>492</v>
      </c>
      <c r="C139" s="365" t="s">
        <v>492</v>
      </c>
      <c r="D139" s="373" t="s">
        <v>498</v>
      </c>
      <c r="E139" s="339" t="s">
        <v>492</v>
      </c>
      <c r="F139" s="373"/>
      <c r="G139" s="338"/>
      <c r="H139" s="337" t="s">
        <v>492</v>
      </c>
    </row>
    <row r="140" spans="1:8" ht="11.1" customHeight="1">
      <c r="A140" s="336" t="s">
        <v>492</v>
      </c>
      <c r="B140" s="335" t="s">
        <v>492</v>
      </c>
      <c r="C140" s="364" t="s">
        <v>492</v>
      </c>
      <c r="D140" s="383" t="s">
        <v>492</v>
      </c>
      <c r="E140" s="334" t="s">
        <v>497</v>
      </c>
      <c r="F140" s="388"/>
      <c r="G140" s="333"/>
      <c r="H140" s="332" t="s">
        <v>492</v>
      </c>
    </row>
    <row r="141" spans="1:8" ht="11.1" customHeight="1">
      <c r="A141" s="336" t="s">
        <v>492</v>
      </c>
      <c r="B141" s="340" t="s">
        <v>594</v>
      </c>
      <c r="C141" s="365" t="s">
        <v>492</v>
      </c>
      <c r="D141" s="373" t="s">
        <v>492</v>
      </c>
      <c r="E141" s="390" t="s">
        <v>492</v>
      </c>
      <c r="F141" s="389"/>
      <c r="G141" s="338"/>
      <c r="H141" s="337" t="s">
        <v>492</v>
      </c>
    </row>
    <row r="142" spans="1:8" ht="11.1" customHeight="1">
      <c r="A142" s="336" t="s">
        <v>492</v>
      </c>
      <c r="B142" s="340" t="s">
        <v>492</v>
      </c>
      <c r="C142" s="365" t="s">
        <v>492</v>
      </c>
      <c r="D142" s="373" t="s">
        <v>498</v>
      </c>
      <c r="E142" s="339" t="s">
        <v>492</v>
      </c>
      <c r="F142" s="373"/>
      <c r="G142" s="338"/>
      <c r="H142" s="337" t="s">
        <v>492</v>
      </c>
    </row>
    <row r="143" spans="1:8" ht="11.1" customHeight="1">
      <c r="A143" s="336" t="s">
        <v>492</v>
      </c>
      <c r="B143" s="335" t="s">
        <v>492</v>
      </c>
      <c r="C143" s="364" t="s">
        <v>492</v>
      </c>
      <c r="D143" s="383" t="s">
        <v>492</v>
      </c>
      <c r="E143" s="334" t="s">
        <v>497</v>
      </c>
      <c r="F143" s="388"/>
      <c r="G143" s="333"/>
      <c r="H143" s="332" t="s">
        <v>492</v>
      </c>
    </row>
    <row r="144" spans="1:8" ht="11.1" customHeight="1">
      <c r="A144" s="336" t="s">
        <v>492</v>
      </c>
      <c r="B144" s="340" t="s">
        <v>563</v>
      </c>
      <c r="C144" s="365" t="s">
        <v>492</v>
      </c>
      <c r="D144" s="373" t="s">
        <v>492</v>
      </c>
      <c r="E144" s="390" t="s">
        <v>492</v>
      </c>
      <c r="F144" s="389"/>
      <c r="G144" s="338"/>
      <c r="H144" s="337" t="s">
        <v>492</v>
      </c>
    </row>
    <row r="145" spans="1:8" ht="11.1" customHeight="1">
      <c r="A145" s="336" t="s">
        <v>492</v>
      </c>
      <c r="B145" s="340" t="s">
        <v>492</v>
      </c>
      <c r="C145" s="365" t="s">
        <v>492</v>
      </c>
      <c r="D145" s="373" t="s">
        <v>498</v>
      </c>
      <c r="E145" s="339" t="s">
        <v>492</v>
      </c>
      <c r="F145" s="373"/>
      <c r="G145" s="338"/>
      <c r="H145" s="337" t="s">
        <v>492</v>
      </c>
    </row>
    <row r="146" spans="1:8" ht="11.1" customHeight="1">
      <c r="A146" s="336" t="s">
        <v>492</v>
      </c>
      <c r="B146" s="335" t="s">
        <v>492</v>
      </c>
      <c r="C146" s="364" t="s">
        <v>492</v>
      </c>
      <c r="D146" s="383" t="s">
        <v>492</v>
      </c>
      <c r="E146" s="334" t="s">
        <v>497</v>
      </c>
      <c r="F146" s="388"/>
      <c r="G146" s="333"/>
      <c r="H146" s="332" t="s">
        <v>492</v>
      </c>
    </row>
    <row r="147" spans="1:8" ht="11.1" customHeight="1">
      <c r="A147" s="336" t="s">
        <v>492</v>
      </c>
      <c r="B147" s="344" t="s">
        <v>541</v>
      </c>
      <c r="C147" s="387" t="s">
        <v>492</v>
      </c>
      <c r="D147" s="378" t="s">
        <v>492</v>
      </c>
      <c r="E147" s="343" t="s">
        <v>492</v>
      </c>
      <c r="F147" s="378"/>
      <c r="G147" s="342"/>
      <c r="H147" s="341" t="s">
        <v>492</v>
      </c>
    </row>
    <row r="148" spans="1:8" ht="11.1" customHeight="1">
      <c r="A148" s="336" t="s">
        <v>492</v>
      </c>
      <c r="B148" s="340" t="s">
        <v>492</v>
      </c>
      <c r="C148" s="365" t="s">
        <v>492</v>
      </c>
      <c r="D148" s="373" t="s">
        <v>492</v>
      </c>
      <c r="E148" s="339" t="s">
        <v>492</v>
      </c>
      <c r="F148" s="373"/>
      <c r="G148" s="338"/>
      <c r="H148" s="337" t="s">
        <v>492</v>
      </c>
    </row>
    <row r="149" spans="1:8" ht="11.1" customHeight="1">
      <c r="A149" s="336" t="s">
        <v>492</v>
      </c>
      <c r="B149" s="335" t="s">
        <v>492</v>
      </c>
      <c r="C149" s="364" t="s">
        <v>492</v>
      </c>
      <c r="D149" s="383" t="s">
        <v>492</v>
      </c>
      <c r="E149" s="334" t="s">
        <v>492</v>
      </c>
      <c r="F149" s="383"/>
      <c r="G149" s="333"/>
      <c r="H149" s="332" t="s">
        <v>492</v>
      </c>
    </row>
    <row r="150" spans="1:8" ht="11.1" customHeight="1">
      <c r="A150" s="336"/>
      <c r="B150" s="381"/>
      <c r="C150" s="380"/>
      <c r="D150" s="378"/>
      <c r="E150" s="379"/>
      <c r="F150" s="378"/>
      <c r="G150" s="342"/>
      <c r="H150" s="377"/>
    </row>
    <row r="151" spans="1:8" ht="11.1" customHeight="1">
      <c r="A151" s="336"/>
      <c r="B151" s="376"/>
      <c r="C151" s="375"/>
      <c r="D151" s="373"/>
      <c r="E151" s="374"/>
      <c r="F151" s="373"/>
      <c r="G151" s="338"/>
      <c r="H151" s="372"/>
    </row>
    <row r="152" spans="1:8" ht="11.1" customHeight="1">
      <c r="A152" s="336"/>
      <c r="B152" s="371"/>
      <c r="C152" s="370"/>
      <c r="D152" s="368"/>
      <c r="E152" s="369"/>
      <c r="F152" s="368"/>
      <c r="G152" s="348"/>
      <c r="H152" s="367"/>
    </row>
    <row r="153" spans="1:8" ht="0.95" customHeight="1">
      <c r="B153" s="331"/>
      <c r="C153" s="331"/>
      <c r="D153" s="331"/>
      <c r="E153" s="331"/>
      <c r="F153" s="331"/>
      <c r="G153" s="331"/>
      <c r="H153" s="331"/>
    </row>
    <row r="154" spans="1:8" ht="15.95" customHeight="1">
      <c r="B154" s="346" t="s">
        <v>562</v>
      </c>
      <c r="C154" s="346"/>
      <c r="D154" s="346"/>
      <c r="E154" s="346"/>
      <c r="F154" s="346"/>
      <c r="G154" s="346"/>
      <c r="H154" s="345" t="s">
        <v>593</v>
      </c>
    </row>
    <row r="155" spans="1:8" ht="12.6" customHeight="1">
      <c r="A155" s="336"/>
      <c r="B155" s="452" t="s">
        <v>538</v>
      </c>
      <c r="C155" s="453"/>
      <c r="D155" s="453" t="s">
        <v>592</v>
      </c>
      <c r="E155" s="453"/>
      <c r="F155" s="453"/>
      <c r="G155" s="453"/>
      <c r="H155" s="454"/>
    </row>
    <row r="156" spans="1:8" ht="12.6" customHeight="1">
      <c r="A156" s="336"/>
      <c r="B156" s="452"/>
      <c r="C156" s="453"/>
      <c r="D156" s="453"/>
      <c r="E156" s="453"/>
      <c r="F156" s="453"/>
      <c r="G156" s="453"/>
      <c r="H156" s="454"/>
    </row>
    <row r="157" spans="1:8" ht="10.5" customHeight="1">
      <c r="A157" s="336"/>
      <c r="B157" s="446" t="s">
        <v>559</v>
      </c>
      <c r="C157" s="448" t="s">
        <v>558</v>
      </c>
      <c r="D157" s="448" t="s">
        <v>511</v>
      </c>
      <c r="E157" s="448" t="s">
        <v>510</v>
      </c>
      <c r="F157" s="448" t="s">
        <v>557</v>
      </c>
      <c r="G157" s="448" t="s">
        <v>556</v>
      </c>
      <c r="H157" s="450" t="s">
        <v>508</v>
      </c>
    </row>
    <row r="158" spans="1:8" ht="10.5" customHeight="1">
      <c r="A158" s="336"/>
      <c r="B158" s="447"/>
      <c r="C158" s="449"/>
      <c r="D158" s="449"/>
      <c r="E158" s="449"/>
      <c r="F158" s="449"/>
      <c r="G158" s="449"/>
      <c r="H158" s="451"/>
    </row>
    <row r="159" spans="1:8" ht="11.1" customHeight="1">
      <c r="A159" s="336" t="s">
        <v>492</v>
      </c>
      <c r="B159" s="340" t="s">
        <v>591</v>
      </c>
      <c r="C159" s="365" t="s">
        <v>590</v>
      </c>
      <c r="D159" s="373" t="s">
        <v>492</v>
      </c>
      <c r="E159" s="390" t="s">
        <v>492</v>
      </c>
      <c r="F159" s="389"/>
      <c r="G159" s="338"/>
      <c r="H159" s="337" t="s">
        <v>492</v>
      </c>
    </row>
    <row r="160" spans="1:8" ht="11.1" customHeight="1">
      <c r="A160" s="336" t="s">
        <v>492</v>
      </c>
      <c r="B160" s="340" t="s">
        <v>492</v>
      </c>
      <c r="C160" s="365" t="s">
        <v>589</v>
      </c>
      <c r="D160" s="373" t="s">
        <v>498</v>
      </c>
      <c r="E160" s="339" t="s">
        <v>492</v>
      </c>
      <c r="F160" s="373"/>
      <c r="G160" s="338"/>
      <c r="H160" s="337" t="s">
        <v>492</v>
      </c>
    </row>
    <row r="161" spans="1:8" ht="11.1" customHeight="1">
      <c r="A161" s="336" t="s">
        <v>492</v>
      </c>
      <c r="B161" s="335" t="s">
        <v>492</v>
      </c>
      <c r="C161" s="364" t="s">
        <v>492</v>
      </c>
      <c r="D161" s="383" t="s">
        <v>492</v>
      </c>
      <c r="E161" s="334" t="s">
        <v>564</v>
      </c>
      <c r="F161" s="388"/>
      <c r="G161" s="333"/>
      <c r="H161" s="332" t="s">
        <v>492</v>
      </c>
    </row>
    <row r="162" spans="1:8" ht="11.1" customHeight="1">
      <c r="A162" s="336" t="s">
        <v>492</v>
      </c>
      <c r="B162" s="340" t="s">
        <v>588</v>
      </c>
      <c r="C162" s="365" t="s">
        <v>587</v>
      </c>
      <c r="D162" s="373" t="s">
        <v>492</v>
      </c>
      <c r="E162" s="390" t="s">
        <v>492</v>
      </c>
      <c r="F162" s="389"/>
      <c r="G162" s="338"/>
      <c r="H162" s="337" t="s">
        <v>492</v>
      </c>
    </row>
    <row r="163" spans="1:8" ht="11.1" customHeight="1">
      <c r="A163" s="336" t="s">
        <v>492</v>
      </c>
      <c r="B163" s="340" t="s">
        <v>492</v>
      </c>
      <c r="C163" s="365" t="s">
        <v>492</v>
      </c>
      <c r="D163" s="373" t="s">
        <v>582</v>
      </c>
      <c r="E163" s="339" t="s">
        <v>492</v>
      </c>
      <c r="F163" s="373"/>
      <c r="G163" s="338"/>
      <c r="H163" s="337" t="s">
        <v>492</v>
      </c>
    </row>
    <row r="164" spans="1:8" ht="11.1" customHeight="1">
      <c r="A164" s="336" t="s">
        <v>492</v>
      </c>
      <c r="B164" s="335" t="s">
        <v>492</v>
      </c>
      <c r="C164" s="364" t="s">
        <v>492</v>
      </c>
      <c r="D164" s="383" t="s">
        <v>492</v>
      </c>
      <c r="E164" s="334" t="s">
        <v>564</v>
      </c>
      <c r="F164" s="388"/>
      <c r="G164" s="333"/>
      <c r="H164" s="332" t="s">
        <v>492</v>
      </c>
    </row>
    <row r="165" spans="1:8" ht="11.1" customHeight="1">
      <c r="A165" s="336" t="s">
        <v>492</v>
      </c>
      <c r="B165" s="340" t="s">
        <v>586</v>
      </c>
      <c r="C165" s="365" t="s">
        <v>585</v>
      </c>
      <c r="D165" s="373" t="s">
        <v>492</v>
      </c>
      <c r="E165" s="390" t="s">
        <v>492</v>
      </c>
      <c r="F165" s="389"/>
      <c r="G165" s="338"/>
      <c r="H165" s="337" t="s">
        <v>492</v>
      </c>
    </row>
    <row r="166" spans="1:8" ht="11.1" customHeight="1">
      <c r="A166" s="336" t="s">
        <v>492</v>
      </c>
      <c r="B166" s="340" t="s">
        <v>492</v>
      </c>
      <c r="C166" s="365" t="s">
        <v>492</v>
      </c>
      <c r="D166" s="373" t="s">
        <v>582</v>
      </c>
      <c r="E166" s="339" t="s">
        <v>492</v>
      </c>
      <c r="F166" s="373"/>
      <c r="G166" s="338"/>
      <c r="H166" s="337" t="s">
        <v>492</v>
      </c>
    </row>
    <row r="167" spans="1:8" ht="11.1" customHeight="1">
      <c r="A167" s="336" t="s">
        <v>492</v>
      </c>
      <c r="B167" s="335" t="s">
        <v>492</v>
      </c>
      <c r="C167" s="364" t="s">
        <v>492</v>
      </c>
      <c r="D167" s="383" t="s">
        <v>492</v>
      </c>
      <c r="E167" s="334" t="s">
        <v>543</v>
      </c>
      <c r="F167" s="388"/>
      <c r="G167" s="333"/>
      <c r="H167" s="332" t="s">
        <v>492</v>
      </c>
    </row>
    <row r="168" spans="1:8" ht="11.1" customHeight="1">
      <c r="A168" s="336" t="s">
        <v>492</v>
      </c>
      <c r="B168" s="340" t="s">
        <v>584</v>
      </c>
      <c r="C168" s="365" t="s">
        <v>583</v>
      </c>
      <c r="D168" s="373" t="s">
        <v>492</v>
      </c>
      <c r="E168" s="390" t="s">
        <v>492</v>
      </c>
      <c r="F168" s="389"/>
      <c r="G168" s="338"/>
      <c r="H168" s="337" t="s">
        <v>492</v>
      </c>
    </row>
    <row r="169" spans="1:8" ht="11.1" customHeight="1">
      <c r="A169" s="336" t="s">
        <v>492</v>
      </c>
      <c r="B169" s="340" t="s">
        <v>492</v>
      </c>
      <c r="C169" s="365" t="s">
        <v>492</v>
      </c>
      <c r="D169" s="373" t="s">
        <v>582</v>
      </c>
      <c r="E169" s="339" t="s">
        <v>492</v>
      </c>
      <c r="F169" s="373"/>
      <c r="G169" s="338"/>
      <c r="H169" s="337" t="s">
        <v>492</v>
      </c>
    </row>
    <row r="170" spans="1:8" ht="11.1" customHeight="1">
      <c r="A170" s="336" t="s">
        <v>492</v>
      </c>
      <c r="B170" s="335" t="s">
        <v>492</v>
      </c>
      <c r="C170" s="364" t="s">
        <v>492</v>
      </c>
      <c r="D170" s="383" t="s">
        <v>492</v>
      </c>
      <c r="E170" s="334" t="s">
        <v>543</v>
      </c>
      <c r="F170" s="388"/>
      <c r="G170" s="333"/>
      <c r="H170" s="332" t="s">
        <v>492</v>
      </c>
    </row>
    <row r="171" spans="1:8" ht="11.1" customHeight="1">
      <c r="A171" s="336" t="s">
        <v>492</v>
      </c>
      <c r="B171" s="344" t="s">
        <v>541</v>
      </c>
      <c r="C171" s="387" t="s">
        <v>492</v>
      </c>
      <c r="D171" s="378" t="s">
        <v>492</v>
      </c>
      <c r="E171" s="343" t="s">
        <v>492</v>
      </c>
      <c r="F171" s="378"/>
      <c r="G171" s="342"/>
      <c r="H171" s="341" t="s">
        <v>492</v>
      </c>
    </row>
    <row r="172" spans="1:8" ht="11.1" customHeight="1">
      <c r="A172" s="336" t="s">
        <v>492</v>
      </c>
      <c r="B172" s="340" t="s">
        <v>492</v>
      </c>
      <c r="C172" s="365" t="s">
        <v>492</v>
      </c>
      <c r="D172" s="373" t="s">
        <v>492</v>
      </c>
      <c r="E172" s="339" t="s">
        <v>492</v>
      </c>
      <c r="F172" s="373"/>
      <c r="G172" s="338"/>
      <c r="H172" s="337" t="s">
        <v>492</v>
      </c>
    </row>
    <row r="173" spans="1:8" ht="11.1" customHeight="1">
      <c r="A173" s="336" t="s">
        <v>492</v>
      </c>
      <c r="B173" s="335" t="s">
        <v>492</v>
      </c>
      <c r="C173" s="364" t="s">
        <v>492</v>
      </c>
      <c r="D173" s="383" t="s">
        <v>492</v>
      </c>
      <c r="E173" s="334" t="s">
        <v>492</v>
      </c>
      <c r="F173" s="383"/>
      <c r="G173" s="333"/>
      <c r="H173" s="332" t="s">
        <v>492</v>
      </c>
    </row>
    <row r="174" spans="1:8" ht="11.1" customHeight="1">
      <c r="A174" s="336"/>
      <c r="B174" s="381"/>
      <c r="C174" s="380"/>
      <c r="D174" s="378"/>
      <c r="E174" s="379"/>
      <c r="F174" s="378"/>
      <c r="G174" s="342"/>
      <c r="H174" s="377"/>
    </row>
    <row r="175" spans="1:8" ht="11.1" customHeight="1">
      <c r="A175" s="336"/>
      <c r="B175" s="376"/>
      <c r="C175" s="375"/>
      <c r="D175" s="373"/>
      <c r="E175" s="374"/>
      <c r="F175" s="373"/>
      <c r="G175" s="338"/>
      <c r="H175" s="372"/>
    </row>
    <row r="176" spans="1:8" ht="11.1" customHeight="1">
      <c r="A176" s="336"/>
      <c r="B176" s="386"/>
      <c r="C176" s="385"/>
      <c r="D176" s="383"/>
      <c r="E176" s="384"/>
      <c r="F176" s="383"/>
      <c r="G176" s="333"/>
      <c r="H176" s="382"/>
    </row>
    <row r="177" spans="1:8" ht="11.1" customHeight="1">
      <c r="A177" s="336"/>
      <c r="B177" s="381"/>
      <c r="C177" s="380"/>
      <c r="D177" s="378"/>
      <c r="E177" s="379"/>
      <c r="F177" s="378"/>
      <c r="G177" s="342"/>
      <c r="H177" s="377"/>
    </row>
    <row r="178" spans="1:8" ht="11.1" customHeight="1">
      <c r="A178" s="336"/>
      <c r="B178" s="376"/>
      <c r="C178" s="375"/>
      <c r="D178" s="373"/>
      <c r="E178" s="374"/>
      <c r="F178" s="373"/>
      <c r="G178" s="338"/>
      <c r="H178" s="372"/>
    </row>
    <row r="179" spans="1:8" ht="11.1" customHeight="1">
      <c r="A179" s="336"/>
      <c r="B179" s="386"/>
      <c r="C179" s="385"/>
      <c r="D179" s="383"/>
      <c r="E179" s="384"/>
      <c r="F179" s="383"/>
      <c r="G179" s="333"/>
      <c r="H179" s="382"/>
    </row>
    <row r="180" spans="1:8" ht="11.1" customHeight="1">
      <c r="A180" s="336"/>
      <c r="B180" s="381"/>
      <c r="C180" s="380"/>
      <c r="D180" s="378"/>
      <c r="E180" s="379"/>
      <c r="F180" s="378"/>
      <c r="G180" s="342"/>
      <c r="H180" s="377"/>
    </row>
    <row r="181" spans="1:8" ht="11.1" customHeight="1">
      <c r="A181" s="336"/>
      <c r="B181" s="376"/>
      <c r="C181" s="375"/>
      <c r="D181" s="373"/>
      <c r="E181" s="374"/>
      <c r="F181" s="373"/>
      <c r="G181" s="338"/>
      <c r="H181" s="372"/>
    </row>
    <row r="182" spans="1:8" ht="11.1" customHeight="1">
      <c r="A182" s="336"/>
      <c r="B182" s="386"/>
      <c r="C182" s="385"/>
      <c r="D182" s="383"/>
      <c r="E182" s="384"/>
      <c r="F182" s="383"/>
      <c r="G182" s="333"/>
      <c r="H182" s="382"/>
    </row>
    <row r="183" spans="1:8" ht="11.1" customHeight="1">
      <c r="A183" s="336"/>
      <c r="B183" s="381"/>
      <c r="C183" s="380"/>
      <c r="D183" s="378"/>
      <c r="E183" s="379"/>
      <c r="F183" s="378"/>
      <c r="G183" s="342"/>
      <c r="H183" s="377"/>
    </row>
    <row r="184" spans="1:8" ht="11.1" customHeight="1">
      <c r="A184" s="336"/>
      <c r="B184" s="376"/>
      <c r="C184" s="375"/>
      <c r="D184" s="373"/>
      <c r="E184" s="374"/>
      <c r="F184" s="373"/>
      <c r="G184" s="338"/>
      <c r="H184" s="372"/>
    </row>
    <row r="185" spans="1:8" ht="11.1" customHeight="1">
      <c r="A185" s="336"/>
      <c r="B185" s="386"/>
      <c r="C185" s="385"/>
      <c r="D185" s="383"/>
      <c r="E185" s="384"/>
      <c r="F185" s="383"/>
      <c r="G185" s="333"/>
      <c r="H185" s="382"/>
    </row>
    <row r="186" spans="1:8" ht="11.1" customHeight="1">
      <c r="A186" s="336"/>
      <c r="B186" s="381"/>
      <c r="C186" s="380"/>
      <c r="D186" s="378"/>
      <c r="E186" s="379"/>
      <c r="F186" s="378"/>
      <c r="G186" s="342"/>
      <c r="H186" s="377"/>
    </row>
    <row r="187" spans="1:8" ht="11.1" customHeight="1">
      <c r="A187" s="336"/>
      <c r="B187" s="376"/>
      <c r="C187" s="375"/>
      <c r="D187" s="373"/>
      <c r="E187" s="374"/>
      <c r="F187" s="373"/>
      <c r="G187" s="338"/>
      <c r="H187" s="372"/>
    </row>
    <row r="188" spans="1:8" ht="11.1" customHeight="1">
      <c r="A188" s="336"/>
      <c r="B188" s="386"/>
      <c r="C188" s="385"/>
      <c r="D188" s="383"/>
      <c r="E188" s="384"/>
      <c r="F188" s="383"/>
      <c r="G188" s="333"/>
      <c r="H188" s="382"/>
    </row>
    <row r="189" spans="1:8" ht="11.1" customHeight="1">
      <c r="A189" s="336"/>
      <c r="B189" s="381"/>
      <c r="C189" s="380"/>
      <c r="D189" s="378"/>
      <c r="E189" s="379"/>
      <c r="F189" s="378"/>
      <c r="G189" s="342"/>
      <c r="H189" s="377"/>
    </row>
    <row r="190" spans="1:8" ht="11.1" customHeight="1">
      <c r="A190" s="336"/>
      <c r="B190" s="376"/>
      <c r="C190" s="375"/>
      <c r="D190" s="373"/>
      <c r="E190" s="374"/>
      <c r="F190" s="373"/>
      <c r="G190" s="338"/>
      <c r="H190" s="372"/>
    </row>
    <row r="191" spans="1:8" ht="11.1" customHeight="1">
      <c r="A191" s="336"/>
      <c r="B191" s="386"/>
      <c r="C191" s="385"/>
      <c r="D191" s="383"/>
      <c r="E191" s="384"/>
      <c r="F191" s="383"/>
      <c r="G191" s="333"/>
      <c r="H191" s="382"/>
    </row>
    <row r="192" spans="1:8" ht="11.1" customHeight="1">
      <c r="A192" s="336"/>
      <c r="B192" s="381"/>
      <c r="C192" s="380"/>
      <c r="D192" s="378"/>
      <c r="E192" s="379"/>
      <c r="F192" s="378"/>
      <c r="G192" s="342"/>
      <c r="H192" s="377"/>
    </row>
    <row r="193" spans="1:8" ht="11.1" customHeight="1">
      <c r="A193" s="336"/>
      <c r="B193" s="376"/>
      <c r="C193" s="375"/>
      <c r="D193" s="373"/>
      <c r="E193" s="374"/>
      <c r="F193" s="373"/>
      <c r="G193" s="338"/>
      <c r="H193" s="372"/>
    </row>
    <row r="194" spans="1:8" ht="11.1" customHeight="1">
      <c r="A194" s="336"/>
      <c r="B194" s="386"/>
      <c r="C194" s="385"/>
      <c r="D194" s="383"/>
      <c r="E194" s="384"/>
      <c r="F194" s="383"/>
      <c r="G194" s="333"/>
      <c r="H194" s="382"/>
    </row>
    <row r="195" spans="1:8" ht="11.1" customHeight="1">
      <c r="A195" s="336"/>
      <c r="B195" s="381"/>
      <c r="C195" s="380"/>
      <c r="D195" s="378"/>
      <c r="E195" s="379"/>
      <c r="F195" s="378"/>
      <c r="G195" s="342"/>
      <c r="H195" s="377"/>
    </row>
    <row r="196" spans="1:8" ht="11.1" customHeight="1">
      <c r="A196" s="336"/>
      <c r="B196" s="376"/>
      <c r="C196" s="375"/>
      <c r="D196" s="373"/>
      <c r="E196" s="374"/>
      <c r="F196" s="373"/>
      <c r="G196" s="338"/>
      <c r="H196" s="372"/>
    </row>
    <row r="197" spans="1:8" ht="11.1" customHeight="1">
      <c r="A197" s="336"/>
      <c r="B197" s="386"/>
      <c r="C197" s="385"/>
      <c r="D197" s="383"/>
      <c r="E197" s="384"/>
      <c r="F197" s="383"/>
      <c r="G197" s="333"/>
      <c r="H197" s="382"/>
    </row>
    <row r="198" spans="1:8" ht="11.1" customHeight="1">
      <c r="A198" s="336"/>
      <c r="B198" s="381"/>
      <c r="C198" s="380"/>
      <c r="D198" s="378"/>
      <c r="E198" s="379"/>
      <c r="F198" s="378"/>
      <c r="G198" s="342"/>
      <c r="H198" s="377"/>
    </row>
    <row r="199" spans="1:8" ht="11.1" customHeight="1">
      <c r="A199" s="336"/>
      <c r="B199" s="376"/>
      <c r="C199" s="375"/>
      <c r="D199" s="373"/>
      <c r="E199" s="374"/>
      <c r="F199" s="373"/>
      <c r="G199" s="338"/>
      <c r="H199" s="372"/>
    </row>
    <row r="200" spans="1:8" ht="11.1" customHeight="1">
      <c r="A200" s="336"/>
      <c r="B200" s="386"/>
      <c r="C200" s="385"/>
      <c r="D200" s="383"/>
      <c r="E200" s="384"/>
      <c r="F200" s="383"/>
      <c r="G200" s="333"/>
      <c r="H200" s="382"/>
    </row>
    <row r="201" spans="1:8" ht="11.1" customHeight="1">
      <c r="A201" s="336"/>
      <c r="B201" s="381"/>
      <c r="C201" s="380"/>
      <c r="D201" s="378"/>
      <c r="E201" s="379"/>
      <c r="F201" s="378"/>
      <c r="G201" s="342"/>
      <c r="H201" s="377"/>
    </row>
    <row r="202" spans="1:8" ht="11.1" customHeight="1">
      <c r="A202" s="336"/>
      <c r="B202" s="376"/>
      <c r="C202" s="375"/>
      <c r="D202" s="373"/>
      <c r="E202" s="374"/>
      <c r="F202" s="373"/>
      <c r="G202" s="338"/>
      <c r="H202" s="372"/>
    </row>
    <row r="203" spans="1:8" ht="11.1" customHeight="1">
      <c r="A203" s="336"/>
      <c r="B203" s="371"/>
      <c r="C203" s="370"/>
      <c r="D203" s="368"/>
      <c r="E203" s="369"/>
      <c r="F203" s="368"/>
      <c r="G203" s="348"/>
      <c r="H203" s="367"/>
    </row>
    <row r="204" spans="1:8" ht="0.95" customHeight="1">
      <c r="B204" s="331"/>
      <c r="C204" s="331"/>
      <c r="D204" s="331"/>
      <c r="E204" s="331"/>
      <c r="F204" s="331"/>
      <c r="G204" s="331"/>
      <c r="H204" s="331"/>
    </row>
    <row r="205" spans="1:8" ht="15.95" customHeight="1">
      <c r="B205" s="346" t="s">
        <v>562</v>
      </c>
      <c r="C205" s="346"/>
      <c r="D205" s="346"/>
      <c r="E205" s="346"/>
      <c r="F205" s="346"/>
      <c r="G205" s="346"/>
      <c r="H205" s="345" t="s">
        <v>581</v>
      </c>
    </row>
    <row r="206" spans="1:8" ht="12.6" customHeight="1">
      <c r="A206" s="336"/>
      <c r="B206" s="452" t="s">
        <v>538</v>
      </c>
      <c r="C206" s="453"/>
      <c r="D206" s="453" t="s">
        <v>580</v>
      </c>
      <c r="E206" s="453"/>
      <c r="F206" s="453"/>
      <c r="G206" s="453"/>
      <c r="H206" s="454"/>
    </row>
    <row r="207" spans="1:8" ht="12.6" customHeight="1">
      <c r="A207" s="336"/>
      <c r="B207" s="452"/>
      <c r="C207" s="453"/>
      <c r="D207" s="453"/>
      <c r="E207" s="453"/>
      <c r="F207" s="453"/>
      <c r="G207" s="453"/>
      <c r="H207" s="454"/>
    </row>
    <row r="208" spans="1:8" ht="10.5" customHeight="1">
      <c r="A208" s="336"/>
      <c r="B208" s="446" t="s">
        <v>559</v>
      </c>
      <c r="C208" s="448" t="s">
        <v>558</v>
      </c>
      <c r="D208" s="448" t="s">
        <v>511</v>
      </c>
      <c r="E208" s="448" t="s">
        <v>510</v>
      </c>
      <c r="F208" s="448" t="s">
        <v>557</v>
      </c>
      <c r="G208" s="448" t="s">
        <v>556</v>
      </c>
      <c r="H208" s="450" t="s">
        <v>508</v>
      </c>
    </row>
    <row r="209" spans="1:8" ht="10.5" customHeight="1">
      <c r="A209" s="336"/>
      <c r="B209" s="447"/>
      <c r="C209" s="449"/>
      <c r="D209" s="449"/>
      <c r="E209" s="449"/>
      <c r="F209" s="449"/>
      <c r="G209" s="449"/>
      <c r="H209" s="451"/>
    </row>
    <row r="210" spans="1:8" ht="11.1" customHeight="1">
      <c r="A210" s="336" t="s">
        <v>492</v>
      </c>
      <c r="B210" s="340" t="s">
        <v>579</v>
      </c>
      <c r="C210" s="365" t="s">
        <v>578</v>
      </c>
      <c r="D210" s="373" t="s">
        <v>492</v>
      </c>
      <c r="E210" s="390" t="s">
        <v>492</v>
      </c>
      <c r="F210" s="389" t="s">
        <v>492</v>
      </c>
      <c r="G210" s="338" t="s">
        <v>492</v>
      </c>
      <c r="H210" s="337" t="s">
        <v>492</v>
      </c>
    </row>
    <row r="211" spans="1:8" ht="11.1" customHeight="1">
      <c r="A211" s="336" t="s">
        <v>492</v>
      </c>
      <c r="B211" s="340" t="s">
        <v>577</v>
      </c>
      <c r="C211" s="365" t="s">
        <v>576</v>
      </c>
      <c r="D211" s="373" t="s">
        <v>575</v>
      </c>
      <c r="E211" s="339" t="s">
        <v>492</v>
      </c>
      <c r="F211" s="373"/>
      <c r="G211" s="338"/>
      <c r="H211" s="337" t="s">
        <v>492</v>
      </c>
    </row>
    <row r="212" spans="1:8" ht="11.1" customHeight="1">
      <c r="A212" s="336" t="s">
        <v>492</v>
      </c>
      <c r="B212" s="335" t="s">
        <v>574</v>
      </c>
      <c r="C212" s="364" t="s">
        <v>492</v>
      </c>
      <c r="D212" s="383" t="s">
        <v>492</v>
      </c>
      <c r="E212" s="334" t="s">
        <v>546</v>
      </c>
      <c r="F212" s="388"/>
      <c r="G212" s="333"/>
      <c r="H212" s="332" t="s">
        <v>492</v>
      </c>
    </row>
    <row r="213" spans="1:8" ht="11.1" customHeight="1">
      <c r="A213" s="336" t="s">
        <v>492</v>
      </c>
      <c r="B213" s="340" t="s">
        <v>573</v>
      </c>
      <c r="C213" s="365" t="s">
        <v>572</v>
      </c>
      <c r="D213" s="373" t="s">
        <v>492</v>
      </c>
      <c r="E213" s="390" t="s">
        <v>492</v>
      </c>
      <c r="F213" s="389"/>
      <c r="G213" s="338"/>
      <c r="H213" s="337" t="s">
        <v>492</v>
      </c>
    </row>
    <row r="214" spans="1:8" ht="11.1" customHeight="1">
      <c r="A214" s="336" t="s">
        <v>492</v>
      </c>
      <c r="B214" s="340" t="s">
        <v>571</v>
      </c>
      <c r="C214" s="365" t="s">
        <v>492</v>
      </c>
      <c r="D214" s="373" t="s">
        <v>567</v>
      </c>
      <c r="E214" s="339" t="s">
        <v>492</v>
      </c>
      <c r="F214" s="373"/>
      <c r="G214" s="338"/>
      <c r="H214" s="337" t="s">
        <v>492</v>
      </c>
    </row>
    <row r="215" spans="1:8" ht="11.1" customHeight="1">
      <c r="A215" s="336" t="s">
        <v>492</v>
      </c>
      <c r="B215" s="335" t="s">
        <v>492</v>
      </c>
      <c r="C215" s="364" t="s">
        <v>492</v>
      </c>
      <c r="D215" s="383" t="s">
        <v>492</v>
      </c>
      <c r="E215" s="334" t="s">
        <v>546</v>
      </c>
      <c r="F215" s="388"/>
      <c r="G215" s="333"/>
      <c r="H215" s="332" t="s">
        <v>492</v>
      </c>
    </row>
    <row r="216" spans="1:8" ht="11.1" customHeight="1">
      <c r="A216" s="336" t="s">
        <v>492</v>
      </c>
      <c r="B216" s="340" t="s">
        <v>570</v>
      </c>
      <c r="C216" s="365" t="s">
        <v>569</v>
      </c>
      <c r="D216" s="373" t="s">
        <v>492</v>
      </c>
      <c r="E216" s="390" t="s">
        <v>492</v>
      </c>
      <c r="F216" s="389"/>
      <c r="G216" s="338"/>
      <c r="H216" s="337" t="s">
        <v>492</v>
      </c>
    </row>
    <row r="217" spans="1:8" ht="11.1" customHeight="1">
      <c r="A217" s="336" t="s">
        <v>492</v>
      </c>
      <c r="B217" s="340" t="s">
        <v>568</v>
      </c>
      <c r="C217" s="365" t="s">
        <v>492</v>
      </c>
      <c r="D217" s="373" t="s">
        <v>567</v>
      </c>
      <c r="E217" s="339" t="s">
        <v>492</v>
      </c>
      <c r="F217" s="373"/>
      <c r="G217" s="338"/>
      <c r="H217" s="337" t="s">
        <v>492</v>
      </c>
    </row>
    <row r="218" spans="1:8" ht="11.1" customHeight="1">
      <c r="A218" s="336" t="s">
        <v>492</v>
      </c>
      <c r="B218" s="335" t="s">
        <v>492</v>
      </c>
      <c r="C218" s="364" t="s">
        <v>492</v>
      </c>
      <c r="D218" s="383" t="s">
        <v>492</v>
      </c>
      <c r="E218" s="334" t="s">
        <v>543</v>
      </c>
      <c r="F218" s="388"/>
      <c r="G218" s="333"/>
      <c r="H218" s="332" t="s">
        <v>492</v>
      </c>
    </row>
    <row r="219" spans="1:8" ht="11.1" customHeight="1">
      <c r="A219" s="336" t="s">
        <v>492</v>
      </c>
      <c r="B219" s="340" t="s">
        <v>566</v>
      </c>
      <c r="C219" s="365" t="s">
        <v>565</v>
      </c>
      <c r="D219" s="373" t="s">
        <v>492</v>
      </c>
      <c r="E219" s="390" t="s">
        <v>492</v>
      </c>
      <c r="F219" s="389"/>
      <c r="G219" s="338"/>
      <c r="H219" s="337" t="s">
        <v>492</v>
      </c>
    </row>
    <row r="220" spans="1:8" ht="11.1" customHeight="1">
      <c r="A220" s="336" t="s">
        <v>492</v>
      </c>
      <c r="B220" s="340" t="s">
        <v>492</v>
      </c>
      <c r="C220" s="365" t="s">
        <v>492</v>
      </c>
      <c r="D220" s="373" t="s">
        <v>498</v>
      </c>
      <c r="E220" s="339" t="s">
        <v>492</v>
      </c>
      <c r="F220" s="373"/>
      <c r="G220" s="338"/>
      <c r="H220" s="337" t="s">
        <v>492</v>
      </c>
    </row>
    <row r="221" spans="1:8" ht="11.1" customHeight="1">
      <c r="A221" s="336" t="s">
        <v>492</v>
      </c>
      <c r="B221" s="335" t="s">
        <v>492</v>
      </c>
      <c r="C221" s="364" t="s">
        <v>492</v>
      </c>
      <c r="D221" s="383" t="s">
        <v>492</v>
      </c>
      <c r="E221" s="334" t="s">
        <v>564</v>
      </c>
      <c r="F221" s="388"/>
      <c r="G221" s="333"/>
      <c r="H221" s="332" t="s">
        <v>492</v>
      </c>
    </row>
    <row r="222" spans="1:8" ht="11.1" customHeight="1">
      <c r="A222" s="336" t="s">
        <v>492</v>
      </c>
      <c r="B222" s="340" t="s">
        <v>563</v>
      </c>
      <c r="C222" s="365" t="s">
        <v>492</v>
      </c>
      <c r="D222" s="373" t="s">
        <v>492</v>
      </c>
      <c r="E222" s="390" t="s">
        <v>492</v>
      </c>
      <c r="F222" s="389"/>
      <c r="G222" s="338"/>
      <c r="H222" s="337" t="s">
        <v>492</v>
      </c>
    </row>
    <row r="223" spans="1:8" ht="11.1" customHeight="1">
      <c r="A223" s="336" t="s">
        <v>492</v>
      </c>
      <c r="B223" s="340" t="s">
        <v>492</v>
      </c>
      <c r="C223" s="365" t="s">
        <v>492</v>
      </c>
      <c r="D223" s="373" t="s">
        <v>498</v>
      </c>
      <c r="E223" s="339" t="s">
        <v>492</v>
      </c>
      <c r="F223" s="373"/>
      <c r="G223" s="338"/>
      <c r="H223" s="337" t="s">
        <v>492</v>
      </c>
    </row>
    <row r="224" spans="1:8" ht="11.1" customHeight="1">
      <c r="A224" s="336" t="s">
        <v>492</v>
      </c>
      <c r="B224" s="335" t="s">
        <v>492</v>
      </c>
      <c r="C224" s="364" t="s">
        <v>492</v>
      </c>
      <c r="D224" s="383" t="s">
        <v>492</v>
      </c>
      <c r="E224" s="334" t="s">
        <v>497</v>
      </c>
      <c r="F224" s="388"/>
      <c r="G224" s="333"/>
      <c r="H224" s="332" t="s">
        <v>492</v>
      </c>
    </row>
    <row r="225" spans="1:8" ht="11.1" customHeight="1">
      <c r="A225" s="336" t="s">
        <v>492</v>
      </c>
      <c r="B225" s="340" t="s">
        <v>542</v>
      </c>
      <c r="C225" s="365" t="s">
        <v>492</v>
      </c>
      <c r="D225" s="373" t="s">
        <v>492</v>
      </c>
      <c r="E225" s="390" t="s">
        <v>492</v>
      </c>
      <c r="F225" s="389"/>
      <c r="G225" s="338"/>
      <c r="H225" s="337" t="s">
        <v>492</v>
      </c>
    </row>
    <row r="226" spans="1:8" ht="11.1" customHeight="1">
      <c r="A226" s="336" t="s">
        <v>492</v>
      </c>
      <c r="B226" s="340" t="s">
        <v>492</v>
      </c>
      <c r="C226" s="365" t="s">
        <v>492</v>
      </c>
      <c r="D226" s="373" t="s">
        <v>498</v>
      </c>
      <c r="E226" s="339" t="s">
        <v>492</v>
      </c>
      <c r="F226" s="373"/>
      <c r="G226" s="338"/>
      <c r="H226" s="337" t="s">
        <v>492</v>
      </c>
    </row>
    <row r="227" spans="1:8" ht="11.1" customHeight="1">
      <c r="A227" s="336" t="s">
        <v>492</v>
      </c>
      <c r="B227" s="335" t="s">
        <v>492</v>
      </c>
      <c r="C227" s="364" t="s">
        <v>492</v>
      </c>
      <c r="D227" s="383" t="s">
        <v>492</v>
      </c>
      <c r="E227" s="334" t="s">
        <v>497</v>
      </c>
      <c r="F227" s="388"/>
      <c r="G227" s="333"/>
      <c r="H227" s="332" t="s">
        <v>492</v>
      </c>
    </row>
    <row r="228" spans="1:8" ht="11.1" customHeight="1">
      <c r="A228" s="336" t="s">
        <v>492</v>
      </c>
      <c r="B228" s="344" t="s">
        <v>541</v>
      </c>
      <c r="C228" s="387" t="s">
        <v>492</v>
      </c>
      <c r="D228" s="378" t="s">
        <v>492</v>
      </c>
      <c r="E228" s="343" t="s">
        <v>492</v>
      </c>
      <c r="F228" s="378"/>
      <c r="G228" s="342"/>
      <c r="H228" s="341" t="s">
        <v>492</v>
      </c>
    </row>
    <row r="229" spans="1:8" ht="11.1" customHeight="1">
      <c r="A229" s="336" t="s">
        <v>492</v>
      </c>
      <c r="B229" s="340" t="s">
        <v>492</v>
      </c>
      <c r="C229" s="365" t="s">
        <v>492</v>
      </c>
      <c r="D229" s="373" t="s">
        <v>492</v>
      </c>
      <c r="E229" s="339" t="s">
        <v>492</v>
      </c>
      <c r="F229" s="373"/>
      <c r="G229" s="338"/>
      <c r="H229" s="337" t="s">
        <v>492</v>
      </c>
    </row>
    <row r="230" spans="1:8" ht="11.1" customHeight="1">
      <c r="A230" s="336" t="s">
        <v>492</v>
      </c>
      <c r="B230" s="335" t="s">
        <v>492</v>
      </c>
      <c r="C230" s="364" t="s">
        <v>492</v>
      </c>
      <c r="D230" s="383" t="s">
        <v>492</v>
      </c>
      <c r="E230" s="334" t="s">
        <v>492</v>
      </c>
      <c r="F230" s="383"/>
      <c r="G230" s="333"/>
      <c r="H230" s="332" t="s">
        <v>492</v>
      </c>
    </row>
    <row r="231" spans="1:8" ht="11.1" customHeight="1">
      <c r="A231" s="336"/>
      <c r="B231" s="381"/>
      <c r="C231" s="380"/>
      <c r="D231" s="378"/>
      <c r="E231" s="379"/>
      <c r="F231" s="378"/>
      <c r="G231" s="342"/>
      <c r="H231" s="377"/>
    </row>
    <row r="232" spans="1:8" ht="11.1" customHeight="1">
      <c r="A232" s="336"/>
      <c r="B232" s="376"/>
      <c r="C232" s="375"/>
      <c r="D232" s="373"/>
      <c r="E232" s="374"/>
      <c r="F232" s="373"/>
      <c r="G232" s="338"/>
      <c r="H232" s="372"/>
    </row>
    <row r="233" spans="1:8" ht="11.1" customHeight="1">
      <c r="A233" s="336"/>
      <c r="B233" s="386"/>
      <c r="C233" s="385"/>
      <c r="D233" s="383"/>
      <c r="E233" s="384"/>
      <c r="F233" s="383"/>
      <c r="G233" s="333"/>
      <c r="H233" s="382"/>
    </row>
    <row r="234" spans="1:8" ht="11.1" customHeight="1">
      <c r="A234" s="336"/>
      <c r="B234" s="381"/>
      <c r="C234" s="380"/>
      <c r="D234" s="378"/>
      <c r="E234" s="379"/>
      <c r="F234" s="378"/>
      <c r="G234" s="342"/>
      <c r="H234" s="377"/>
    </row>
    <row r="235" spans="1:8" ht="11.1" customHeight="1">
      <c r="A235" s="336"/>
      <c r="B235" s="376"/>
      <c r="C235" s="375"/>
      <c r="D235" s="373"/>
      <c r="E235" s="374"/>
      <c r="F235" s="373"/>
      <c r="G235" s="338"/>
      <c r="H235" s="372"/>
    </row>
    <row r="236" spans="1:8" ht="11.1" customHeight="1">
      <c r="A236" s="336"/>
      <c r="B236" s="386"/>
      <c r="C236" s="385"/>
      <c r="D236" s="383"/>
      <c r="E236" s="384"/>
      <c r="F236" s="383"/>
      <c r="G236" s="333"/>
      <c r="H236" s="382"/>
    </row>
    <row r="237" spans="1:8" ht="11.1" customHeight="1">
      <c r="A237" s="336"/>
      <c r="B237" s="381"/>
      <c r="C237" s="380"/>
      <c r="D237" s="378"/>
      <c r="E237" s="379"/>
      <c r="F237" s="378"/>
      <c r="G237" s="342"/>
      <c r="H237" s="377"/>
    </row>
    <row r="238" spans="1:8" ht="11.1" customHeight="1">
      <c r="A238" s="336"/>
      <c r="B238" s="376"/>
      <c r="C238" s="375"/>
      <c r="D238" s="373"/>
      <c r="E238" s="374"/>
      <c r="F238" s="373"/>
      <c r="G238" s="338"/>
      <c r="H238" s="372"/>
    </row>
    <row r="239" spans="1:8" ht="11.1" customHeight="1">
      <c r="A239" s="336"/>
      <c r="B239" s="386"/>
      <c r="C239" s="385"/>
      <c r="D239" s="383"/>
      <c r="E239" s="384"/>
      <c r="F239" s="383"/>
      <c r="G239" s="333"/>
      <c r="H239" s="382"/>
    </row>
    <row r="240" spans="1:8" ht="11.1" customHeight="1">
      <c r="A240" s="336"/>
      <c r="B240" s="381"/>
      <c r="C240" s="380"/>
      <c r="D240" s="378"/>
      <c r="E240" s="379"/>
      <c r="F240" s="378"/>
      <c r="G240" s="342"/>
      <c r="H240" s="377"/>
    </row>
    <row r="241" spans="1:8" ht="11.1" customHeight="1">
      <c r="A241" s="336"/>
      <c r="B241" s="376"/>
      <c r="C241" s="375"/>
      <c r="D241" s="373"/>
      <c r="E241" s="374"/>
      <c r="F241" s="373"/>
      <c r="G241" s="338"/>
      <c r="H241" s="372"/>
    </row>
    <row r="242" spans="1:8" ht="11.1" customHeight="1">
      <c r="A242" s="336"/>
      <c r="B242" s="386"/>
      <c r="C242" s="385"/>
      <c r="D242" s="383"/>
      <c r="E242" s="384"/>
      <c r="F242" s="383"/>
      <c r="G242" s="333"/>
      <c r="H242" s="382"/>
    </row>
    <row r="243" spans="1:8" ht="11.1" customHeight="1">
      <c r="A243" s="336"/>
      <c r="B243" s="381"/>
      <c r="C243" s="380"/>
      <c r="D243" s="378"/>
      <c r="E243" s="379"/>
      <c r="F243" s="378"/>
      <c r="G243" s="342"/>
      <c r="H243" s="377"/>
    </row>
    <row r="244" spans="1:8" ht="11.1" customHeight="1">
      <c r="A244" s="336"/>
      <c r="B244" s="376"/>
      <c r="C244" s="375"/>
      <c r="D244" s="373"/>
      <c r="E244" s="374"/>
      <c r="F244" s="373"/>
      <c r="G244" s="338"/>
      <c r="H244" s="372"/>
    </row>
    <row r="245" spans="1:8" ht="11.1" customHeight="1">
      <c r="A245" s="336"/>
      <c r="B245" s="386"/>
      <c r="C245" s="385"/>
      <c r="D245" s="383"/>
      <c r="E245" s="384"/>
      <c r="F245" s="383"/>
      <c r="G245" s="333"/>
      <c r="H245" s="382"/>
    </row>
    <row r="246" spans="1:8" ht="11.1" customHeight="1">
      <c r="A246" s="336"/>
      <c r="B246" s="381"/>
      <c r="C246" s="380"/>
      <c r="D246" s="378"/>
      <c r="E246" s="379"/>
      <c r="F246" s="378"/>
      <c r="G246" s="342"/>
      <c r="H246" s="377"/>
    </row>
    <row r="247" spans="1:8" ht="11.1" customHeight="1">
      <c r="A247" s="336"/>
      <c r="B247" s="376"/>
      <c r="C247" s="375"/>
      <c r="D247" s="373"/>
      <c r="E247" s="374"/>
      <c r="F247" s="373"/>
      <c r="G247" s="338"/>
      <c r="H247" s="372"/>
    </row>
    <row r="248" spans="1:8" ht="11.1" customHeight="1">
      <c r="A248" s="336"/>
      <c r="B248" s="386"/>
      <c r="C248" s="385"/>
      <c r="D248" s="383"/>
      <c r="E248" s="384"/>
      <c r="F248" s="383"/>
      <c r="G248" s="333"/>
      <c r="H248" s="382"/>
    </row>
    <row r="249" spans="1:8" ht="11.1" customHeight="1">
      <c r="A249" s="336"/>
      <c r="B249" s="381"/>
      <c r="C249" s="380"/>
      <c r="D249" s="378"/>
      <c r="E249" s="379"/>
      <c r="F249" s="378"/>
      <c r="G249" s="342"/>
      <c r="H249" s="377"/>
    </row>
    <row r="250" spans="1:8" ht="11.1" customHeight="1">
      <c r="A250" s="336"/>
      <c r="B250" s="376"/>
      <c r="C250" s="375"/>
      <c r="D250" s="373"/>
      <c r="E250" s="374"/>
      <c r="F250" s="373"/>
      <c r="G250" s="338"/>
      <c r="H250" s="372"/>
    </row>
    <row r="251" spans="1:8" ht="11.1" customHeight="1">
      <c r="A251" s="336"/>
      <c r="B251" s="386"/>
      <c r="C251" s="385"/>
      <c r="D251" s="383"/>
      <c r="E251" s="384"/>
      <c r="F251" s="383"/>
      <c r="G251" s="333"/>
      <c r="H251" s="382"/>
    </row>
    <row r="252" spans="1:8" ht="11.1" customHeight="1">
      <c r="A252" s="336"/>
      <c r="B252" s="381"/>
      <c r="C252" s="380"/>
      <c r="D252" s="378"/>
      <c r="E252" s="379"/>
      <c r="F252" s="378"/>
      <c r="G252" s="342"/>
      <c r="H252" s="377"/>
    </row>
    <row r="253" spans="1:8" ht="11.1" customHeight="1">
      <c r="A253" s="336"/>
      <c r="B253" s="376"/>
      <c r="C253" s="375"/>
      <c r="D253" s="373"/>
      <c r="E253" s="374"/>
      <c r="F253" s="373"/>
      <c r="G253" s="338"/>
      <c r="H253" s="372"/>
    </row>
    <row r="254" spans="1:8" ht="11.1" customHeight="1">
      <c r="A254" s="336"/>
      <c r="B254" s="371"/>
      <c r="C254" s="370"/>
      <c r="D254" s="368"/>
      <c r="E254" s="369"/>
      <c r="F254" s="368"/>
      <c r="G254" s="348"/>
      <c r="H254" s="367"/>
    </row>
    <row r="255" spans="1:8" ht="0.95" customHeight="1">
      <c r="B255" s="331"/>
      <c r="C255" s="331"/>
      <c r="D255" s="331"/>
      <c r="E255" s="331"/>
      <c r="F255" s="331"/>
      <c r="G255" s="331"/>
      <c r="H255" s="331"/>
    </row>
    <row r="256" spans="1:8" ht="15.95" customHeight="1">
      <c r="B256" s="346" t="s">
        <v>562</v>
      </c>
      <c r="C256" s="346"/>
      <c r="D256" s="346"/>
      <c r="E256" s="346"/>
      <c r="F256" s="346"/>
      <c r="G256" s="346"/>
      <c r="H256" s="345" t="s">
        <v>561</v>
      </c>
    </row>
    <row r="257" spans="1:8" ht="12.6" customHeight="1">
      <c r="A257" s="336"/>
      <c r="B257" s="452" t="s">
        <v>538</v>
      </c>
      <c r="C257" s="453"/>
      <c r="D257" s="453" t="s">
        <v>560</v>
      </c>
      <c r="E257" s="453"/>
      <c r="F257" s="453"/>
      <c r="G257" s="453"/>
      <c r="H257" s="454"/>
    </row>
    <row r="258" spans="1:8" ht="12.6" customHeight="1">
      <c r="A258" s="336"/>
      <c r="B258" s="452"/>
      <c r="C258" s="453"/>
      <c r="D258" s="453"/>
      <c r="E258" s="453"/>
      <c r="F258" s="453"/>
      <c r="G258" s="453"/>
      <c r="H258" s="454"/>
    </row>
    <row r="259" spans="1:8" ht="10.5" customHeight="1">
      <c r="A259" s="336"/>
      <c r="B259" s="446" t="s">
        <v>559</v>
      </c>
      <c r="C259" s="448" t="s">
        <v>558</v>
      </c>
      <c r="D259" s="448" t="s">
        <v>511</v>
      </c>
      <c r="E259" s="448" t="s">
        <v>510</v>
      </c>
      <c r="F259" s="448" t="s">
        <v>557</v>
      </c>
      <c r="G259" s="448" t="s">
        <v>556</v>
      </c>
      <c r="H259" s="450" t="s">
        <v>508</v>
      </c>
    </row>
    <row r="260" spans="1:8" ht="10.5" customHeight="1">
      <c r="A260" s="336"/>
      <c r="B260" s="447"/>
      <c r="C260" s="449"/>
      <c r="D260" s="449"/>
      <c r="E260" s="449"/>
      <c r="F260" s="449"/>
      <c r="G260" s="449"/>
      <c r="H260" s="451"/>
    </row>
    <row r="261" spans="1:8" ht="11.1" customHeight="1">
      <c r="A261" s="336" t="s">
        <v>492</v>
      </c>
      <c r="B261" s="340" t="s">
        <v>553</v>
      </c>
      <c r="C261" s="365" t="s">
        <v>555</v>
      </c>
      <c r="D261" s="373" t="s">
        <v>492</v>
      </c>
      <c r="E261" s="390" t="s">
        <v>492</v>
      </c>
      <c r="F261" s="389" t="s">
        <v>492</v>
      </c>
      <c r="G261" s="338" t="s">
        <v>492</v>
      </c>
      <c r="H261" s="337" t="s">
        <v>492</v>
      </c>
    </row>
    <row r="262" spans="1:8" ht="11.1" customHeight="1">
      <c r="A262" s="336" t="s">
        <v>492</v>
      </c>
      <c r="B262" s="340" t="s">
        <v>549</v>
      </c>
      <c r="C262" s="365" t="s">
        <v>492</v>
      </c>
      <c r="D262" s="373" t="s">
        <v>554</v>
      </c>
      <c r="E262" s="339" t="s">
        <v>492</v>
      </c>
      <c r="F262" s="373"/>
      <c r="G262" s="338"/>
      <c r="H262" s="337" t="s">
        <v>492</v>
      </c>
    </row>
    <row r="263" spans="1:8" ht="11.1" customHeight="1">
      <c r="A263" s="336" t="s">
        <v>492</v>
      </c>
      <c r="B263" s="335" t="s">
        <v>547</v>
      </c>
      <c r="C263" s="364" t="s">
        <v>492</v>
      </c>
      <c r="D263" s="383" t="s">
        <v>492</v>
      </c>
      <c r="E263" s="334" t="s">
        <v>546</v>
      </c>
      <c r="F263" s="388"/>
      <c r="G263" s="333"/>
      <c r="H263" s="332" t="s">
        <v>492</v>
      </c>
    </row>
    <row r="264" spans="1:8" ht="11.1" customHeight="1">
      <c r="A264" s="336" t="s">
        <v>492</v>
      </c>
      <c r="B264" s="340" t="s">
        <v>553</v>
      </c>
      <c r="C264" s="365" t="s">
        <v>550</v>
      </c>
      <c r="D264" s="373" t="s">
        <v>492</v>
      </c>
      <c r="E264" s="390" t="s">
        <v>492</v>
      </c>
      <c r="F264" s="389"/>
      <c r="G264" s="338"/>
      <c r="H264" s="337" t="s">
        <v>492</v>
      </c>
    </row>
    <row r="265" spans="1:8" ht="11.1" customHeight="1">
      <c r="A265" s="336" t="s">
        <v>492</v>
      </c>
      <c r="B265" s="340" t="s">
        <v>549</v>
      </c>
      <c r="C265" s="365" t="s">
        <v>492</v>
      </c>
      <c r="D265" s="373" t="s">
        <v>552</v>
      </c>
      <c r="E265" s="339" t="s">
        <v>492</v>
      </c>
      <c r="F265" s="373"/>
      <c r="G265" s="338"/>
      <c r="H265" s="337" t="s">
        <v>492</v>
      </c>
    </row>
    <row r="266" spans="1:8" ht="11.1" customHeight="1">
      <c r="A266" s="336" t="s">
        <v>492</v>
      </c>
      <c r="B266" s="335" t="s">
        <v>547</v>
      </c>
      <c r="C266" s="364" t="s">
        <v>492</v>
      </c>
      <c r="D266" s="383" t="s">
        <v>492</v>
      </c>
      <c r="E266" s="334" t="s">
        <v>546</v>
      </c>
      <c r="F266" s="388"/>
      <c r="G266" s="333"/>
      <c r="H266" s="332" t="s">
        <v>492</v>
      </c>
    </row>
    <row r="267" spans="1:8" ht="11.1" customHeight="1">
      <c r="A267" s="336" t="s">
        <v>492</v>
      </c>
      <c r="B267" s="340" t="s">
        <v>551</v>
      </c>
      <c r="C267" s="365" t="s">
        <v>550</v>
      </c>
      <c r="D267" s="373" t="s">
        <v>492</v>
      </c>
      <c r="E267" s="390" t="s">
        <v>492</v>
      </c>
      <c r="F267" s="389"/>
      <c r="G267" s="338"/>
      <c r="H267" s="337" t="s">
        <v>492</v>
      </c>
    </row>
    <row r="268" spans="1:8" ht="11.1" customHeight="1">
      <c r="A268" s="336" t="s">
        <v>492</v>
      </c>
      <c r="B268" s="340" t="s">
        <v>549</v>
      </c>
      <c r="C268" s="365" t="s">
        <v>492</v>
      </c>
      <c r="D268" s="373" t="s">
        <v>548</v>
      </c>
      <c r="E268" s="339" t="s">
        <v>492</v>
      </c>
      <c r="F268" s="373"/>
      <c r="G268" s="338"/>
      <c r="H268" s="337" t="s">
        <v>492</v>
      </c>
    </row>
    <row r="269" spans="1:8" ht="11.1" customHeight="1">
      <c r="A269" s="336" t="s">
        <v>492</v>
      </c>
      <c r="B269" s="335" t="s">
        <v>547</v>
      </c>
      <c r="C269" s="364" t="s">
        <v>492</v>
      </c>
      <c r="D269" s="383" t="s">
        <v>492</v>
      </c>
      <c r="E269" s="334" t="s">
        <v>546</v>
      </c>
      <c r="F269" s="388"/>
      <c r="G269" s="333"/>
      <c r="H269" s="332" t="s">
        <v>492</v>
      </c>
    </row>
    <row r="270" spans="1:8" ht="11.1" customHeight="1">
      <c r="A270" s="336" t="s">
        <v>492</v>
      </c>
      <c r="B270" s="340" t="s">
        <v>545</v>
      </c>
      <c r="C270" s="365" t="s">
        <v>544</v>
      </c>
      <c r="D270" s="373" t="s">
        <v>492</v>
      </c>
      <c r="E270" s="390" t="s">
        <v>492</v>
      </c>
      <c r="F270" s="389"/>
      <c r="G270" s="338"/>
      <c r="H270" s="337" t="s">
        <v>492</v>
      </c>
    </row>
    <row r="271" spans="1:8" ht="11.1" customHeight="1">
      <c r="A271" s="336" t="s">
        <v>492</v>
      </c>
      <c r="B271" s="340" t="s">
        <v>492</v>
      </c>
      <c r="C271" s="365" t="s">
        <v>492</v>
      </c>
      <c r="D271" s="373" t="s">
        <v>498</v>
      </c>
      <c r="E271" s="339" t="s">
        <v>492</v>
      </c>
      <c r="F271" s="373"/>
      <c r="G271" s="338"/>
      <c r="H271" s="337" t="s">
        <v>492</v>
      </c>
    </row>
    <row r="272" spans="1:8" ht="11.1" customHeight="1">
      <c r="A272" s="336" t="s">
        <v>492</v>
      </c>
      <c r="B272" s="335" t="s">
        <v>492</v>
      </c>
      <c r="C272" s="364" t="s">
        <v>492</v>
      </c>
      <c r="D272" s="383" t="s">
        <v>492</v>
      </c>
      <c r="E272" s="334" t="s">
        <v>543</v>
      </c>
      <c r="F272" s="388"/>
      <c r="G272" s="333"/>
      <c r="H272" s="332" t="s">
        <v>492</v>
      </c>
    </row>
    <row r="273" spans="1:8" ht="11.1" customHeight="1">
      <c r="A273" s="336" t="s">
        <v>492</v>
      </c>
      <c r="B273" s="340" t="s">
        <v>542</v>
      </c>
      <c r="C273" s="365" t="s">
        <v>492</v>
      </c>
      <c r="D273" s="373" t="s">
        <v>492</v>
      </c>
      <c r="E273" s="390" t="s">
        <v>492</v>
      </c>
      <c r="F273" s="389"/>
      <c r="G273" s="338"/>
      <c r="H273" s="337" t="s">
        <v>492</v>
      </c>
    </row>
    <row r="274" spans="1:8" ht="11.1" customHeight="1">
      <c r="A274" s="336" t="s">
        <v>492</v>
      </c>
      <c r="B274" s="340" t="s">
        <v>492</v>
      </c>
      <c r="C274" s="365" t="s">
        <v>492</v>
      </c>
      <c r="D274" s="373" t="s">
        <v>498</v>
      </c>
      <c r="E274" s="339" t="s">
        <v>492</v>
      </c>
      <c r="F274" s="373"/>
      <c r="G274" s="338"/>
      <c r="H274" s="337" t="s">
        <v>492</v>
      </c>
    </row>
    <row r="275" spans="1:8" ht="11.1" customHeight="1">
      <c r="A275" s="336" t="s">
        <v>492</v>
      </c>
      <c r="B275" s="335" t="s">
        <v>492</v>
      </c>
      <c r="C275" s="364" t="s">
        <v>492</v>
      </c>
      <c r="D275" s="383" t="s">
        <v>492</v>
      </c>
      <c r="E275" s="334" t="s">
        <v>497</v>
      </c>
      <c r="F275" s="388"/>
      <c r="G275" s="333"/>
      <c r="H275" s="332" t="s">
        <v>492</v>
      </c>
    </row>
    <row r="276" spans="1:8" ht="11.1" customHeight="1">
      <c r="A276" s="336" t="s">
        <v>492</v>
      </c>
      <c r="B276" s="344" t="s">
        <v>541</v>
      </c>
      <c r="C276" s="387" t="s">
        <v>492</v>
      </c>
      <c r="D276" s="378" t="s">
        <v>492</v>
      </c>
      <c r="E276" s="343" t="s">
        <v>492</v>
      </c>
      <c r="F276" s="378"/>
      <c r="G276" s="342"/>
      <c r="H276" s="341" t="s">
        <v>492</v>
      </c>
    </row>
    <row r="277" spans="1:8" ht="11.1" customHeight="1">
      <c r="A277" s="336" t="s">
        <v>492</v>
      </c>
      <c r="B277" s="340" t="s">
        <v>492</v>
      </c>
      <c r="C277" s="365" t="s">
        <v>492</v>
      </c>
      <c r="D277" s="373" t="s">
        <v>492</v>
      </c>
      <c r="E277" s="339" t="s">
        <v>492</v>
      </c>
      <c r="F277" s="373"/>
      <c r="G277" s="338"/>
      <c r="H277" s="337" t="s">
        <v>492</v>
      </c>
    </row>
    <row r="278" spans="1:8" ht="11.1" customHeight="1">
      <c r="A278" s="336" t="s">
        <v>492</v>
      </c>
      <c r="B278" s="335" t="s">
        <v>492</v>
      </c>
      <c r="C278" s="364" t="s">
        <v>492</v>
      </c>
      <c r="D278" s="383" t="s">
        <v>492</v>
      </c>
      <c r="E278" s="334" t="s">
        <v>492</v>
      </c>
      <c r="F278" s="383"/>
      <c r="G278" s="333"/>
      <c r="H278" s="332" t="s">
        <v>492</v>
      </c>
    </row>
    <row r="279" spans="1:8" ht="11.1" customHeight="1">
      <c r="A279" s="336"/>
      <c r="B279" s="381"/>
      <c r="C279" s="380"/>
      <c r="D279" s="378"/>
      <c r="E279" s="379"/>
      <c r="F279" s="378"/>
      <c r="G279" s="342"/>
      <c r="H279" s="377"/>
    </row>
    <row r="280" spans="1:8" ht="11.1" customHeight="1">
      <c r="A280" s="336"/>
      <c r="B280" s="376"/>
      <c r="C280" s="375"/>
      <c r="D280" s="373"/>
      <c r="E280" s="374"/>
      <c r="F280" s="373"/>
      <c r="G280" s="338"/>
      <c r="H280" s="372"/>
    </row>
    <row r="281" spans="1:8" ht="11.1" customHeight="1">
      <c r="A281" s="336"/>
      <c r="B281" s="386"/>
      <c r="C281" s="385"/>
      <c r="D281" s="383"/>
      <c r="E281" s="384"/>
      <c r="F281" s="383"/>
      <c r="G281" s="333"/>
      <c r="H281" s="382"/>
    </row>
    <row r="282" spans="1:8" ht="11.1" customHeight="1">
      <c r="A282" s="336"/>
      <c r="B282" s="381"/>
      <c r="C282" s="380"/>
      <c r="D282" s="378"/>
      <c r="E282" s="379"/>
      <c r="F282" s="378"/>
      <c r="G282" s="342"/>
      <c r="H282" s="377"/>
    </row>
    <row r="283" spans="1:8" ht="11.1" customHeight="1">
      <c r="A283" s="336"/>
      <c r="B283" s="376"/>
      <c r="C283" s="375"/>
      <c r="D283" s="373"/>
      <c r="E283" s="374"/>
      <c r="F283" s="373"/>
      <c r="G283" s="338"/>
      <c r="H283" s="372"/>
    </row>
    <row r="284" spans="1:8" ht="11.1" customHeight="1">
      <c r="A284" s="336"/>
      <c r="B284" s="386"/>
      <c r="C284" s="385"/>
      <c r="D284" s="383"/>
      <c r="E284" s="384"/>
      <c r="F284" s="383"/>
      <c r="G284" s="333"/>
      <c r="H284" s="382"/>
    </row>
    <row r="285" spans="1:8" ht="11.1" customHeight="1">
      <c r="A285" s="336"/>
      <c r="B285" s="381"/>
      <c r="C285" s="380"/>
      <c r="D285" s="378"/>
      <c r="E285" s="379"/>
      <c r="F285" s="378"/>
      <c r="G285" s="342"/>
      <c r="H285" s="377"/>
    </row>
    <row r="286" spans="1:8" ht="11.1" customHeight="1">
      <c r="A286" s="336"/>
      <c r="B286" s="376"/>
      <c r="C286" s="375"/>
      <c r="D286" s="373"/>
      <c r="E286" s="374"/>
      <c r="F286" s="373"/>
      <c r="G286" s="338"/>
      <c r="H286" s="372"/>
    </row>
    <row r="287" spans="1:8" ht="11.1" customHeight="1">
      <c r="A287" s="336"/>
      <c r="B287" s="386"/>
      <c r="C287" s="385"/>
      <c r="D287" s="383"/>
      <c r="E287" s="384"/>
      <c r="F287" s="383"/>
      <c r="G287" s="333"/>
      <c r="H287" s="382"/>
    </row>
    <row r="288" spans="1:8" ht="11.1" customHeight="1">
      <c r="A288" s="336"/>
      <c r="B288" s="381"/>
      <c r="C288" s="380"/>
      <c r="D288" s="378"/>
      <c r="E288" s="379"/>
      <c r="F288" s="378"/>
      <c r="G288" s="342"/>
      <c r="H288" s="377"/>
    </row>
    <row r="289" spans="1:8" ht="11.1" customHeight="1">
      <c r="A289" s="336"/>
      <c r="B289" s="376"/>
      <c r="C289" s="375"/>
      <c r="D289" s="373"/>
      <c r="E289" s="374"/>
      <c r="F289" s="373"/>
      <c r="G289" s="338"/>
      <c r="H289" s="372"/>
    </row>
    <row r="290" spans="1:8" ht="11.1" customHeight="1">
      <c r="A290" s="336"/>
      <c r="B290" s="386"/>
      <c r="C290" s="385"/>
      <c r="D290" s="383"/>
      <c r="E290" s="384"/>
      <c r="F290" s="383"/>
      <c r="G290" s="333"/>
      <c r="H290" s="382"/>
    </row>
    <row r="291" spans="1:8" ht="11.1" customHeight="1">
      <c r="A291" s="336"/>
      <c r="B291" s="381"/>
      <c r="C291" s="380"/>
      <c r="D291" s="378"/>
      <c r="E291" s="379"/>
      <c r="F291" s="378"/>
      <c r="G291" s="342"/>
      <c r="H291" s="377"/>
    </row>
    <row r="292" spans="1:8" ht="11.1" customHeight="1">
      <c r="A292" s="336"/>
      <c r="B292" s="376"/>
      <c r="C292" s="375"/>
      <c r="D292" s="373"/>
      <c r="E292" s="374"/>
      <c r="F292" s="373"/>
      <c r="G292" s="338"/>
      <c r="H292" s="372"/>
    </row>
    <row r="293" spans="1:8" ht="11.1" customHeight="1">
      <c r="A293" s="336"/>
      <c r="B293" s="386"/>
      <c r="C293" s="385"/>
      <c r="D293" s="383"/>
      <c r="E293" s="384"/>
      <c r="F293" s="383"/>
      <c r="G293" s="333"/>
      <c r="H293" s="382"/>
    </row>
    <row r="294" spans="1:8" ht="11.1" customHeight="1">
      <c r="A294" s="336"/>
      <c r="B294" s="381"/>
      <c r="C294" s="380"/>
      <c r="D294" s="378"/>
      <c r="E294" s="379"/>
      <c r="F294" s="378"/>
      <c r="G294" s="342"/>
      <c r="H294" s="377"/>
    </row>
    <row r="295" spans="1:8" ht="11.1" customHeight="1">
      <c r="A295" s="336"/>
      <c r="B295" s="376"/>
      <c r="C295" s="375"/>
      <c r="D295" s="373"/>
      <c r="E295" s="374"/>
      <c r="F295" s="373"/>
      <c r="G295" s="338"/>
      <c r="H295" s="372"/>
    </row>
    <row r="296" spans="1:8" ht="11.1" customHeight="1">
      <c r="A296" s="336"/>
      <c r="B296" s="386"/>
      <c r="C296" s="385"/>
      <c r="D296" s="383"/>
      <c r="E296" s="384"/>
      <c r="F296" s="383"/>
      <c r="G296" s="333"/>
      <c r="H296" s="382"/>
    </row>
    <row r="297" spans="1:8" ht="11.1" customHeight="1">
      <c r="A297" s="336"/>
      <c r="B297" s="381"/>
      <c r="C297" s="380"/>
      <c r="D297" s="378"/>
      <c r="E297" s="379"/>
      <c r="F297" s="378"/>
      <c r="G297" s="342"/>
      <c r="H297" s="377"/>
    </row>
    <row r="298" spans="1:8" ht="11.1" customHeight="1">
      <c r="A298" s="336"/>
      <c r="B298" s="376"/>
      <c r="C298" s="375"/>
      <c r="D298" s="373"/>
      <c r="E298" s="374"/>
      <c r="F298" s="373"/>
      <c r="G298" s="338"/>
      <c r="H298" s="372"/>
    </row>
    <row r="299" spans="1:8" ht="11.1" customHeight="1">
      <c r="A299" s="336"/>
      <c r="B299" s="386"/>
      <c r="C299" s="385"/>
      <c r="D299" s="383"/>
      <c r="E299" s="384"/>
      <c r="F299" s="383"/>
      <c r="G299" s="333"/>
      <c r="H299" s="382"/>
    </row>
    <row r="300" spans="1:8" ht="11.1" customHeight="1">
      <c r="A300" s="336"/>
      <c r="B300" s="381"/>
      <c r="C300" s="380"/>
      <c r="D300" s="378"/>
      <c r="E300" s="379"/>
      <c r="F300" s="378"/>
      <c r="G300" s="342"/>
      <c r="H300" s="377"/>
    </row>
    <row r="301" spans="1:8" ht="11.1" customHeight="1">
      <c r="A301" s="336"/>
      <c r="B301" s="376"/>
      <c r="C301" s="375"/>
      <c r="D301" s="373"/>
      <c r="E301" s="374"/>
      <c r="F301" s="373"/>
      <c r="G301" s="338"/>
      <c r="H301" s="372"/>
    </row>
    <row r="302" spans="1:8" ht="11.1" customHeight="1">
      <c r="A302" s="336"/>
      <c r="B302" s="386"/>
      <c r="C302" s="385"/>
      <c r="D302" s="383"/>
      <c r="E302" s="384"/>
      <c r="F302" s="383"/>
      <c r="G302" s="333"/>
      <c r="H302" s="382"/>
    </row>
    <row r="303" spans="1:8" ht="11.1" customHeight="1">
      <c r="A303" s="336"/>
      <c r="B303" s="381"/>
      <c r="C303" s="380"/>
      <c r="D303" s="378"/>
      <c r="E303" s="379"/>
      <c r="F303" s="378"/>
      <c r="G303" s="342"/>
      <c r="H303" s="377"/>
    </row>
    <row r="304" spans="1:8" ht="11.1" customHeight="1">
      <c r="A304" s="336"/>
      <c r="B304" s="376"/>
      <c r="C304" s="375"/>
      <c r="D304" s="373"/>
      <c r="E304" s="374"/>
      <c r="F304" s="373"/>
      <c r="G304" s="338"/>
      <c r="H304" s="372"/>
    </row>
    <row r="305" spans="1:8" ht="11.1" customHeight="1">
      <c r="A305" s="336"/>
      <c r="B305" s="371"/>
      <c r="C305" s="370"/>
      <c r="D305" s="368"/>
      <c r="E305" s="369"/>
      <c r="F305" s="368"/>
      <c r="G305" s="348"/>
      <c r="H305" s="367"/>
    </row>
    <row r="306" spans="1:8" ht="0.95" customHeight="1">
      <c r="B306" s="331"/>
      <c r="C306" s="331"/>
      <c r="D306" s="331"/>
      <c r="E306" s="331"/>
      <c r="F306" s="331"/>
      <c r="G306" s="331"/>
      <c r="H306" s="331"/>
    </row>
  </sheetData>
  <mergeCells count="60">
    <mergeCell ref="B2:C3"/>
    <mergeCell ref="D2:F3"/>
    <mergeCell ref="G2:H3"/>
    <mergeCell ref="B4:B5"/>
    <mergeCell ref="C4:C5"/>
    <mergeCell ref="D4:D5"/>
    <mergeCell ref="E4:E5"/>
    <mergeCell ref="F4:F5"/>
    <mergeCell ref="G4:G5"/>
    <mergeCell ref="H4:H5"/>
    <mergeCell ref="B53:C54"/>
    <mergeCell ref="D53:F54"/>
    <mergeCell ref="G53:H54"/>
    <mergeCell ref="B55:B56"/>
    <mergeCell ref="C55:C56"/>
    <mergeCell ref="D55:D56"/>
    <mergeCell ref="E55:E56"/>
    <mergeCell ref="F55:F56"/>
    <mergeCell ref="G55:G56"/>
    <mergeCell ref="H55:H56"/>
    <mergeCell ref="B104:C105"/>
    <mergeCell ref="D104:F105"/>
    <mergeCell ref="G104:H105"/>
    <mergeCell ref="B106:B107"/>
    <mergeCell ref="C106:C107"/>
    <mergeCell ref="D106:D107"/>
    <mergeCell ref="E106:E107"/>
    <mergeCell ref="F106:F107"/>
    <mergeCell ref="G106:G107"/>
    <mergeCell ref="H106:H107"/>
    <mergeCell ref="B155:C156"/>
    <mergeCell ref="D155:F156"/>
    <mergeCell ref="G155:H156"/>
    <mergeCell ref="B157:B158"/>
    <mergeCell ref="C157:C158"/>
    <mergeCell ref="D157:D158"/>
    <mergeCell ref="E157:E158"/>
    <mergeCell ref="F157:F158"/>
    <mergeCell ref="G157:G158"/>
    <mergeCell ref="H157:H158"/>
    <mergeCell ref="B206:C207"/>
    <mergeCell ref="D206:F207"/>
    <mergeCell ref="G206:H207"/>
    <mergeCell ref="B208:B209"/>
    <mergeCell ref="C208:C209"/>
    <mergeCell ref="D208:D209"/>
    <mergeCell ref="E208:E209"/>
    <mergeCell ref="F208:F209"/>
    <mergeCell ref="G208:G209"/>
    <mergeCell ref="H208:H209"/>
    <mergeCell ref="B257:C258"/>
    <mergeCell ref="D257:F258"/>
    <mergeCell ref="G257:H258"/>
    <mergeCell ref="B259:B260"/>
    <mergeCell ref="C259:C260"/>
    <mergeCell ref="D259:D260"/>
    <mergeCell ref="E259:E260"/>
    <mergeCell ref="F259:F260"/>
    <mergeCell ref="G259:G260"/>
    <mergeCell ref="H259:H260"/>
  </mergeCells>
  <phoneticPr fontId="2"/>
  <pageMargins left="0.70866141732283472" right="0.47244094488188981" top="0.6692913385826772" bottom="0.47244094488188981" header="0.47244094488188981" footer="0.39370078740157483"/>
  <pageSetup paperSize="9" orientation="landscape" r:id="rId1"/>
  <headerFooter alignWithMargins="0"/>
  <rowBreaks count="6" manualBreakCount="6">
    <brk id="51" max="16383" man="1"/>
    <brk id="102" max="16383" man="1"/>
    <brk id="153" max="16383" man="1"/>
    <brk id="204" max="16383" man="1"/>
    <brk id="255" max="16383" man="1"/>
    <brk id="306" max="16383" man="1"/>
  </rowBreak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54"/>
  <sheetViews>
    <sheetView tabSelected="1" zoomScaleNormal="100" zoomScaleSheetLayoutView="75" workbookViewId="0">
      <selection activeCell="Y147" sqref="Y147"/>
    </sheetView>
  </sheetViews>
  <sheetFormatPr defaultRowHeight="13.5"/>
  <cols>
    <col min="1" max="61" width="2.375" style="226" customWidth="1"/>
    <col min="62" max="16384" width="9" style="226"/>
  </cols>
  <sheetData>
    <row r="1" spans="1:61">
      <c r="A1" s="397" t="s">
        <v>113</v>
      </c>
      <c r="B1" s="398"/>
      <c r="C1" s="398"/>
      <c r="D1" s="398"/>
      <c r="E1" s="398"/>
      <c r="F1" s="398"/>
      <c r="G1" s="399"/>
      <c r="H1" s="397" t="s">
        <v>114</v>
      </c>
      <c r="I1" s="398"/>
      <c r="J1" s="398"/>
      <c r="K1" s="398"/>
      <c r="L1" s="398"/>
      <c r="M1" s="398"/>
      <c r="N1" s="398"/>
      <c r="O1" s="398"/>
      <c r="P1" s="398"/>
      <c r="Q1" s="398"/>
      <c r="R1" s="398"/>
      <c r="S1" s="398"/>
      <c r="T1" s="398"/>
      <c r="U1" s="398"/>
      <c r="V1" s="398"/>
      <c r="W1" s="399"/>
      <c r="X1" s="224"/>
      <c r="Y1" s="400" t="s">
        <v>115</v>
      </c>
      <c r="Z1" s="400"/>
      <c r="AA1" s="400"/>
      <c r="AB1" s="400"/>
      <c r="AC1" s="400"/>
      <c r="AD1" s="400"/>
      <c r="AE1" s="400"/>
      <c r="AF1" s="400"/>
      <c r="AG1" s="400"/>
      <c r="AH1" s="400"/>
      <c r="AI1" s="400"/>
      <c r="AJ1" s="400"/>
      <c r="AK1" s="400"/>
      <c r="AL1" s="400"/>
      <c r="AM1" s="400"/>
      <c r="AN1" s="400"/>
      <c r="AO1" s="400"/>
      <c r="AP1" s="400"/>
      <c r="AQ1" s="400"/>
      <c r="AR1" s="400"/>
      <c r="AS1" s="400"/>
      <c r="AT1" s="400"/>
      <c r="AU1" s="400"/>
      <c r="AV1" s="400"/>
      <c r="AW1" s="400"/>
      <c r="AX1" s="400"/>
      <c r="AY1" s="400"/>
      <c r="AZ1" s="400"/>
      <c r="BA1" s="400"/>
      <c r="BB1" s="400"/>
      <c r="BC1" s="400"/>
      <c r="BD1" s="400"/>
      <c r="BE1" s="400"/>
      <c r="BF1" s="400"/>
      <c r="BG1" s="400"/>
      <c r="BH1" s="400"/>
      <c r="BI1" s="225"/>
    </row>
    <row r="2" spans="1:61">
      <c r="A2" s="401" t="s">
        <v>116</v>
      </c>
      <c r="B2" s="402"/>
      <c r="C2" s="402"/>
      <c r="D2" s="402"/>
      <c r="E2" s="402"/>
      <c r="F2" s="402"/>
      <c r="G2" s="403"/>
      <c r="H2" s="227"/>
      <c r="I2" s="228" t="s">
        <v>117</v>
      </c>
      <c r="J2" s="229"/>
      <c r="K2" s="229"/>
      <c r="L2" s="229"/>
      <c r="M2" s="229"/>
      <c r="N2" s="229"/>
      <c r="O2" s="229"/>
      <c r="P2" s="229"/>
      <c r="Q2" s="229"/>
      <c r="R2" s="229"/>
      <c r="S2" s="229"/>
      <c r="T2" s="229"/>
      <c r="U2" s="229"/>
      <c r="V2" s="229"/>
      <c r="W2" s="230"/>
      <c r="X2" s="227"/>
      <c r="Y2" s="229" t="s">
        <v>118</v>
      </c>
      <c r="Z2" s="229"/>
      <c r="AA2" s="229"/>
      <c r="AB2" s="229"/>
      <c r="AC2" s="229"/>
      <c r="AD2" s="229"/>
      <c r="AE2" s="229"/>
      <c r="AF2" s="229"/>
      <c r="AG2" s="229"/>
      <c r="AH2" s="229"/>
      <c r="AI2" s="229"/>
      <c r="AJ2" s="229" t="s">
        <v>119</v>
      </c>
      <c r="AK2" s="229"/>
      <c r="AL2" s="229"/>
      <c r="AM2" s="229"/>
      <c r="AN2" s="229"/>
      <c r="AO2" s="229"/>
      <c r="AP2" s="229"/>
      <c r="AQ2" s="229"/>
      <c r="AR2" s="229"/>
      <c r="AS2" s="229"/>
      <c r="AT2" s="229"/>
      <c r="AU2" s="229"/>
      <c r="AV2" s="229"/>
      <c r="AW2" s="229"/>
      <c r="AX2" s="229"/>
      <c r="AY2" s="229"/>
      <c r="AZ2" s="229"/>
      <c r="BA2" s="229"/>
      <c r="BB2" s="229"/>
      <c r="BC2" s="229"/>
      <c r="BD2" s="229"/>
      <c r="BE2" s="229"/>
      <c r="BF2" s="229"/>
      <c r="BG2" s="229"/>
      <c r="BH2" s="229"/>
      <c r="BI2" s="230"/>
    </row>
    <row r="3" spans="1:61">
      <c r="A3" s="231"/>
      <c r="B3" s="232"/>
      <c r="C3" s="232"/>
      <c r="D3" s="232"/>
      <c r="E3" s="232"/>
      <c r="F3" s="232"/>
      <c r="G3" s="233"/>
      <c r="H3" s="234"/>
      <c r="I3" s="235" t="s">
        <v>120</v>
      </c>
      <c r="J3" s="236"/>
      <c r="K3" s="236"/>
      <c r="L3" s="236"/>
      <c r="M3" s="236"/>
      <c r="N3" s="236"/>
      <c r="O3" s="236"/>
      <c r="P3" s="236"/>
      <c r="Q3" s="236"/>
      <c r="R3" s="236"/>
      <c r="S3" s="236"/>
      <c r="T3" s="236"/>
      <c r="U3" s="236"/>
      <c r="V3" s="236"/>
      <c r="W3" s="237"/>
      <c r="X3" s="234"/>
      <c r="Y3" s="236" t="s">
        <v>475</v>
      </c>
      <c r="Z3" s="236"/>
      <c r="AA3" s="236"/>
      <c r="AB3" s="236"/>
      <c r="AC3" s="236"/>
      <c r="AD3" s="236"/>
      <c r="AE3" s="236"/>
      <c r="AF3" s="236"/>
      <c r="AG3" s="236"/>
      <c r="AH3" s="236"/>
      <c r="AI3" s="236"/>
      <c r="AJ3" s="236"/>
      <c r="AK3" s="236"/>
      <c r="AL3" s="236"/>
      <c r="AM3" s="236"/>
      <c r="AN3" s="236"/>
      <c r="AO3" s="236"/>
      <c r="AP3" s="236"/>
      <c r="AQ3" s="236"/>
      <c r="AR3" s="236"/>
      <c r="AS3" s="236"/>
      <c r="AT3" s="236"/>
      <c r="AU3" s="236"/>
      <c r="AV3" s="236"/>
      <c r="AW3" s="236"/>
      <c r="AX3" s="236"/>
      <c r="AY3" s="236"/>
      <c r="AZ3" s="236"/>
      <c r="BA3" s="236"/>
      <c r="BB3" s="236"/>
      <c r="BC3" s="236"/>
      <c r="BD3" s="236"/>
      <c r="BE3" s="236"/>
      <c r="BF3" s="236"/>
      <c r="BG3" s="236"/>
      <c r="BH3" s="236"/>
      <c r="BI3" s="237"/>
    </row>
    <row r="4" spans="1:61">
      <c r="A4" s="231"/>
      <c r="B4" s="232"/>
      <c r="C4" s="232"/>
      <c r="D4" s="232"/>
      <c r="E4" s="232"/>
      <c r="F4" s="232"/>
      <c r="G4" s="233"/>
      <c r="H4" s="234"/>
      <c r="I4" s="235"/>
      <c r="J4" s="236"/>
      <c r="K4" s="236"/>
      <c r="L4" s="236"/>
      <c r="M4" s="236"/>
      <c r="N4" s="236"/>
      <c r="O4" s="236"/>
      <c r="P4" s="236"/>
      <c r="Q4" s="236"/>
      <c r="R4" s="236"/>
      <c r="S4" s="236"/>
      <c r="T4" s="236"/>
      <c r="U4" s="236"/>
      <c r="V4" s="236"/>
      <c r="W4" s="237"/>
      <c r="X4" s="234"/>
      <c r="Y4" s="236" t="s">
        <v>486</v>
      </c>
      <c r="Z4" s="236"/>
      <c r="AA4" s="236"/>
      <c r="AB4" s="236"/>
      <c r="AC4" s="236"/>
      <c r="AD4" s="236"/>
      <c r="AE4" s="236"/>
      <c r="AF4" s="236"/>
      <c r="AG4" s="236"/>
      <c r="AH4" s="236"/>
      <c r="AI4" s="236"/>
      <c r="AJ4" s="236"/>
      <c r="AK4" s="236"/>
      <c r="AL4" s="236"/>
      <c r="AM4" s="236"/>
      <c r="AN4" s="236"/>
      <c r="AO4" s="236"/>
      <c r="AP4" s="236"/>
      <c r="AQ4" s="236"/>
      <c r="AR4" s="236"/>
      <c r="AS4" s="236"/>
      <c r="AT4" s="236"/>
      <c r="AU4" s="236"/>
      <c r="AV4" s="236"/>
      <c r="AW4" s="236"/>
      <c r="AX4" s="236"/>
      <c r="AY4" s="236"/>
      <c r="AZ4" s="236"/>
      <c r="BA4" s="236"/>
      <c r="BB4" s="236"/>
      <c r="BC4" s="236"/>
      <c r="BD4" s="236"/>
      <c r="BE4" s="236"/>
      <c r="BF4" s="236"/>
      <c r="BG4" s="236"/>
      <c r="BH4" s="236"/>
      <c r="BI4" s="237"/>
    </row>
    <row r="5" spans="1:61">
      <c r="A5" s="231"/>
      <c r="B5" s="232"/>
      <c r="C5" s="232"/>
      <c r="D5" s="232"/>
      <c r="E5" s="232"/>
      <c r="F5" s="232"/>
      <c r="G5" s="233"/>
      <c r="H5" s="234"/>
      <c r="I5" s="235"/>
      <c r="J5" s="236"/>
      <c r="K5" s="236"/>
      <c r="L5" s="236"/>
      <c r="M5" s="236"/>
      <c r="N5" s="236"/>
      <c r="O5" s="236"/>
      <c r="P5" s="236"/>
      <c r="Q5" s="236"/>
      <c r="R5" s="236"/>
      <c r="S5" s="236"/>
      <c r="T5" s="236"/>
      <c r="U5" s="236"/>
      <c r="V5" s="236"/>
      <c r="W5" s="237"/>
      <c r="X5" s="234"/>
      <c r="Y5" s="236" t="s">
        <v>476</v>
      </c>
      <c r="Z5" s="236"/>
      <c r="AA5" s="236"/>
      <c r="AB5" s="236"/>
      <c r="AC5" s="236"/>
      <c r="AD5" s="236"/>
      <c r="AE5" s="236"/>
      <c r="AF5" s="236"/>
      <c r="AG5" s="236"/>
      <c r="AH5" s="236"/>
      <c r="AI5" s="236"/>
      <c r="AJ5" s="236"/>
      <c r="AK5" s="236"/>
      <c r="AL5" s="236"/>
      <c r="AM5" s="236"/>
      <c r="AN5" s="236"/>
      <c r="AO5" s="236"/>
      <c r="AP5" s="236"/>
      <c r="AQ5" s="236"/>
      <c r="AR5" s="236"/>
      <c r="AS5" s="236"/>
      <c r="AT5" s="236"/>
      <c r="AU5" s="236"/>
      <c r="AV5" s="236"/>
      <c r="AW5" s="236"/>
      <c r="AX5" s="236"/>
      <c r="AY5" s="236"/>
      <c r="AZ5" s="236"/>
      <c r="BA5" s="236"/>
      <c r="BB5" s="236"/>
      <c r="BC5" s="236"/>
      <c r="BD5" s="236"/>
      <c r="BE5" s="236"/>
      <c r="BF5" s="236"/>
      <c r="BG5" s="236"/>
      <c r="BH5" s="236"/>
      <c r="BI5" s="237"/>
    </row>
    <row r="6" spans="1:61">
      <c r="A6" s="231"/>
      <c r="B6" s="232"/>
      <c r="C6" s="232"/>
      <c r="D6" s="232"/>
      <c r="E6" s="232"/>
      <c r="F6" s="232"/>
      <c r="G6" s="233"/>
      <c r="H6" s="234"/>
      <c r="I6" s="235" t="s">
        <v>121</v>
      </c>
      <c r="J6" s="236"/>
      <c r="K6" s="236"/>
      <c r="L6" s="236"/>
      <c r="M6" s="236"/>
      <c r="N6" s="236"/>
      <c r="O6" s="236"/>
      <c r="P6" s="236"/>
      <c r="Q6" s="236"/>
      <c r="R6" s="236"/>
      <c r="S6" s="236"/>
      <c r="T6" s="236"/>
      <c r="U6" s="236"/>
      <c r="V6" s="236"/>
      <c r="W6" s="237"/>
      <c r="X6" s="234"/>
      <c r="Y6" s="236" t="s">
        <v>477</v>
      </c>
      <c r="Z6" s="236"/>
      <c r="AA6" s="236"/>
      <c r="AB6" s="236"/>
      <c r="AC6" s="236"/>
      <c r="AD6" s="236"/>
      <c r="AE6" s="236"/>
      <c r="AF6" s="236"/>
      <c r="AG6" s="236"/>
      <c r="AH6" s="236"/>
      <c r="AI6" s="236"/>
      <c r="AJ6" s="236"/>
      <c r="AK6" s="236"/>
      <c r="AL6" s="236"/>
      <c r="AM6" s="236" t="s">
        <v>122</v>
      </c>
      <c r="AN6" s="236"/>
      <c r="AO6" s="236"/>
      <c r="AP6" s="236"/>
      <c r="AQ6" s="236"/>
      <c r="AR6" s="236"/>
      <c r="AS6" s="236"/>
      <c r="AT6" s="236"/>
      <c r="AV6" s="236"/>
      <c r="AZ6" s="236"/>
      <c r="BA6" s="236"/>
      <c r="BC6" s="236"/>
      <c r="BD6" s="318" t="s">
        <v>478</v>
      </c>
      <c r="BE6" s="236"/>
      <c r="BF6" s="236"/>
      <c r="BG6" s="236"/>
      <c r="BH6" s="236"/>
      <c r="BI6" s="237"/>
    </row>
    <row r="7" spans="1:61">
      <c r="A7" s="231"/>
      <c r="B7" s="232"/>
      <c r="C7" s="232"/>
      <c r="D7" s="232"/>
      <c r="E7" s="232"/>
      <c r="F7" s="232"/>
      <c r="G7" s="233"/>
      <c r="H7" s="234"/>
      <c r="I7" s="235"/>
      <c r="J7" s="236"/>
      <c r="K7" s="236"/>
      <c r="L7" s="236"/>
      <c r="M7" s="236"/>
      <c r="N7" s="236"/>
      <c r="O7" s="236"/>
      <c r="P7" s="236"/>
      <c r="Q7" s="236"/>
      <c r="R7" s="236"/>
      <c r="S7" s="236"/>
      <c r="T7" s="236"/>
      <c r="U7" s="236"/>
      <c r="V7" s="236"/>
      <c r="W7" s="237"/>
      <c r="X7" s="234"/>
      <c r="Y7" s="236"/>
      <c r="Z7" s="236"/>
      <c r="AA7" s="236"/>
      <c r="AB7" s="236"/>
      <c r="AC7" s="236"/>
      <c r="AD7" s="236"/>
      <c r="AE7" s="236"/>
      <c r="AF7" s="236"/>
      <c r="AG7" s="236"/>
      <c r="AH7" s="236"/>
      <c r="AI7" s="236"/>
      <c r="AJ7" s="236"/>
      <c r="AK7" s="236"/>
      <c r="AL7" s="236"/>
      <c r="AM7" s="236" t="s">
        <v>123</v>
      </c>
      <c r="AN7" s="236"/>
      <c r="AO7" s="236"/>
      <c r="AP7" s="236"/>
      <c r="AQ7" s="236"/>
      <c r="AR7" s="236"/>
      <c r="AS7" s="236"/>
      <c r="AT7" s="236"/>
      <c r="AV7" s="236"/>
      <c r="AZ7" s="236"/>
      <c r="BA7" s="236"/>
      <c r="BC7" s="236"/>
      <c r="BD7" s="318"/>
      <c r="BE7" s="236"/>
      <c r="BF7" s="236"/>
      <c r="BG7" s="236"/>
      <c r="BH7" s="236"/>
      <c r="BI7" s="237"/>
    </row>
    <row r="8" spans="1:61">
      <c r="A8" s="231"/>
      <c r="B8" s="232"/>
      <c r="C8" s="232"/>
      <c r="D8" s="232"/>
      <c r="E8" s="232"/>
      <c r="F8" s="232"/>
      <c r="G8" s="233"/>
      <c r="H8" s="234"/>
      <c r="I8" s="235" t="s">
        <v>124</v>
      </c>
      <c r="J8" s="236"/>
      <c r="K8" s="236"/>
      <c r="L8" s="236"/>
      <c r="M8" s="236"/>
      <c r="N8" s="236"/>
      <c r="O8" s="236"/>
      <c r="P8" s="236"/>
      <c r="Q8" s="236"/>
      <c r="R8" s="236"/>
      <c r="S8" s="236"/>
      <c r="T8" s="236"/>
      <c r="U8" s="236"/>
      <c r="V8" s="236"/>
      <c r="W8" s="237"/>
      <c r="X8" s="234"/>
      <c r="Y8" s="236" t="s">
        <v>125</v>
      </c>
      <c r="Z8" s="236"/>
      <c r="AA8" s="236"/>
      <c r="AB8" s="236"/>
      <c r="AC8" s="236"/>
      <c r="AD8" s="236" t="s">
        <v>126</v>
      </c>
      <c r="AE8" s="236"/>
      <c r="AF8" s="236"/>
      <c r="AG8" s="236"/>
      <c r="AH8" s="236"/>
      <c r="AI8" s="236"/>
      <c r="AJ8" s="236"/>
      <c r="AK8" s="236"/>
      <c r="AL8" s="236"/>
      <c r="AM8" s="236" t="s">
        <v>127</v>
      </c>
      <c r="AN8" s="236"/>
      <c r="AO8" s="236"/>
      <c r="AP8" s="236"/>
      <c r="AQ8" s="236"/>
      <c r="AR8" s="236"/>
      <c r="AS8" s="236"/>
      <c r="AT8" s="236"/>
      <c r="AU8" s="236"/>
      <c r="AV8" s="236"/>
      <c r="AW8" s="236"/>
      <c r="AX8" s="236"/>
      <c r="AY8" s="236"/>
      <c r="AZ8" s="236"/>
      <c r="BA8" s="236"/>
      <c r="BB8" s="236"/>
      <c r="BC8" s="236"/>
      <c r="BD8" s="236"/>
      <c r="BE8" s="236"/>
      <c r="BF8" s="236"/>
      <c r="BG8" s="236"/>
      <c r="BH8" s="236"/>
      <c r="BI8" s="237"/>
    </row>
    <row r="9" spans="1:61">
      <c r="A9" s="231"/>
      <c r="B9" s="232"/>
      <c r="C9" s="232"/>
      <c r="D9" s="232"/>
      <c r="E9" s="232"/>
      <c r="F9" s="232"/>
      <c r="G9" s="233"/>
      <c r="H9" s="234"/>
      <c r="I9" s="235"/>
      <c r="J9" s="236"/>
      <c r="K9" s="236"/>
      <c r="L9" s="236"/>
      <c r="M9" s="236"/>
      <c r="N9" s="236"/>
      <c r="O9" s="236"/>
      <c r="P9" s="236"/>
      <c r="Q9" s="236"/>
      <c r="R9" s="236"/>
      <c r="S9" s="236"/>
      <c r="T9" s="236"/>
      <c r="U9" s="236"/>
      <c r="V9" s="236"/>
      <c r="W9" s="237"/>
      <c r="X9" s="234"/>
      <c r="Y9" s="236"/>
      <c r="Z9" s="236"/>
      <c r="AA9" s="236"/>
      <c r="AB9" s="236"/>
      <c r="AC9" s="236"/>
      <c r="AD9" s="236"/>
      <c r="AE9" s="236"/>
      <c r="AF9" s="236"/>
      <c r="AG9" s="236"/>
      <c r="AH9" s="236"/>
      <c r="AI9" s="236"/>
      <c r="AJ9" s="236"/>
      <c r="AK9" s="236"/>
      <c r="AL9" s="236"/>
      <c r="AM9" s="236" t="s">
        <v>128</v>
      </c>
      <c r="AN9" s="236"/>
      <c r="AO9" s="236"/>
      <c r="AP9" s="236"/>
      <c r="AQ9" s="236"/>
      <c r="AR9" s="236"/>
      <c r="AS9" s="236"/>
      <c r="AT9" s="236"/>
      <c r="AU9" s="236"/>
      <c r="AV9" s="236"/>
      <c r="AW9" s="236"/>
      <c r="AX9" s="236"/>
      <c r="AY9" s="236"/>
      <c r="AZ9" s="236"/>
      <c r="BA9" s="236"/>
      <c r="BB9" s="236"/>
      <c r="BC9" s="236"/>
      <c r="BD9" s="236"/>
      <c r="BE9" s="236"/>
      <c r="BF9" s="236"/>
      <c r="BG9" s="236"/>
      <c r="BH9" s="236"/>
      <c r="BI9" s="237"/>
    </row>
    <row r="10" spans="1:61">
      <c r="A10" s="231"/>
      <c r="B10" s="232"/>
      <c r="C10" s="232"/>
      <c r="D10" s="232"/>
      <c r="E10" s="232"/>
      <c r="F10" s="232"/>
      <c r="G10" s="233"/>
      <c r="H10" s="234"/>
      <c r="I10" s="235" t="s">
        <v>20</v>
      </c>
      <c r="J10" s="236"/>
      <c r="K10" s="236"/>
      <c r="L10" s="236"/>
      <c r="M10" s="236"/>
      <c r="N10" s="236"/>
      <c r="O10" s="236"/>
      <c r="P10" s="236"/>
      <c r="Q10" s="236"/>
      <c r="R10" s="236"/>
      <c r="S10" s="236"/>
      <c r="T10" s="236"/>
      <c r="U10" s="236"/>
      <c r="V10" s="236"/>
      <c r="W10" s="237"/>
      <c r="X10" s="234"/>
      <c r="Y10" s="236" t="s">
        <v>129</v>
      </c>
      <c r="Z10" s="236"/>
      <c r="AA10" s="236"/>
      <c r="AB10" s="236"/>
      <c r="AC10" s="236"/>
      <c r="AD10" s="236"/>
      <c r="AE10" s="236"/>
      <c r="AF10" s="236"/>
      <c r="AG10" s="236"/>
      <c r="AH10" s="236" t="s">
        <v>130</v>
      </c>
      <c r="AI10" s="236"/>
      <c r="AJ10" s="236"/>
      <c r="AK10" s="236"/>
      <c r="AL10" s="236"/>
      <c r="AM10" s="236"/>
      <c r="AN10" s="236"/>
      <c r="AO10" s="236"/>
      <c r="AP10" s="236"/>
      <c r="AQ10" s="236"/>
      <c r="AR10" s="236"/>
      <c r="AS10" s="236" t="s">
        <v>131</v>
      </c>
      <c r="AT10" s="236"/>
      <c r="AU10" s="236"/>
      <c r="AV10" s="236"/>
      <c r="AW10" s="236"/>
      <c r="AX10" s="236"/>
      <c r="AY10" s="236"/>
      <c r="AZ10" s="236"/>
      <c r="BA10" s="236"/>
      <c r="BB10" s="236"/>
      <c r="BC10" s="236"/>
      <c r="BD10" s="236"/>
      <c r="BE10" s="236"/>
      <c r="BF10" s="236"/>
      <c r="BG10" s="236"/>
      <c r="BH10" s="236"/>
      <c r="BI10" s="237"/>
    </row>
    <row r="11" spans="1:61">
      <c r="A11" s="231"/>
      <c r="B11" s="232"/>
      <c r="C11" s="232"/>
      <c r="D11" s="232"/>
      <c r="E11" s="232"/>
      <c r="F11" s="232"/>
      <c r="G11" s="233"/>
      <c r="H11" s="234"/>
      <c r="I11" s="235"/>
      <c r="J11" s="236"/>
      <c r="K11" s="236"/>
      <c r="L11" s="236"/>
      <c r="M11" s="236"/>
      <c r="N11" s="236"/>
      <c r="O11" s="236"/>
      <c r="P11" s="236"/>
      <c r="Q11" s="236"/>
      <c r="R11" s="236"/>
      <c r="S11" s="236"/>
      <c r="T11" s="236"/>
      <c r="U11" s="236"/>
      <c r="V11" s="236"/>
      <c r="W11" s="237"/>
      <c r="X11" s="234"/>
      <c r="Y11" s="236"/>
      <c r="Z11" s="236" t="s">
        <v>132</v>
      </c>
      <c r="AA11" s="236"/>
      <c r="AB11" s="236"/>
      <c r="AC11" s="236"/>
      <c r="AD11" s="236"/>
      <c r="AE11" s="236"/>
      <c r="AF11" s="236"/>
      <c r="AG11" s="236"/>
      <c r="AH11" s="236"/>
      <c r="AI11" s="236"/>
      <c r="AJ11" s="236"/>
      <c r="AK11" s="236"/>
      <c r="AL11" s="236"/>
      <c r="AM11" s="236"/>
      <c r="AN11" s="236"/>
      <c r="AO11" s="236"/>
      <c r="AP11" s="236"/>
      <c r="AQ11" s="236"/>
      <c r="AR11" s="236"/>
      <c r="AS11" s="236"/>
      <c r="AT11" s="236"/>
      <c r="AU11" s="236"/>
      <c r="AV11" s="236"/>
      <c r="AW11" s="236"/>
      <c r="AX11" s="236"/>
      <c r="AY11" s="236"/>
      <c r="AZ11" s="236"/>
      <c r="BA11" s="236"/>
      <c r="BB11" s="236"/>
      <c r="BC11" s="236"/>
      <c r="BD11" s="236"/>
      <c r="BE11" s="236"/>
      <c r="BF11" s="236"/>
      <c r="BG11" s="236"/>
      <c r="BH11" s="236"/>
      <c r="BI11" s="237"/>
    </row>
    <row r="12" spans="1:61">
      <c r="A12" s="231"/>
      <c r="B12" s="232"/>
      <c r="C12" s="232"/>
      <c r="D12" s="232"/>
      <c r="E12" s="232"/>
      <c r="F12" s="232"/>
      <c r="G12" s="233"/>
      <c r="H12" s="234"/>
      <c r="I12" s="235"/>
      <c r="J12" s="236"/>
      <c r="K12" s="236"/>
      <c r="L12" s="236"/>
      <c r="M12" s="236"/>
      <c r="N12" s="236"/>
      <c r="O12" s="236"/>
      <c r="P12" s="236"/>
      <c r="Q12" s="236"/>
      <c r="R12" s="236"/>
      <c r="S12" s="236"/>
      <c r="T12" s="236"/>
      <c r="U12" s="236"/>
      <c r="V12" s="236"/>
      <c r="W12" s="237"/>
      <c r="X12" s="234"/>
      <c r="Y12" s="236"/>
      <c r="Z12" s="236"/>
      <c r="AA12" s="236" t="s">
        <v>133</v>
      </c>
      <c r="AB12" s="236"/>
      <c r="AC12" s="236"/>
      <c r="AD12" s="236" t="s">
        <v>134</v>
      </c>
      <c r="AE12" s="236"/>
      <c r="AF12" s="236"/>
      <c r="AG12" s="236"/>
      <c r="AH12" s="236"/>
      <c r="AI12" s="236"/>
      <c r="AJ12" s="236"/>
      <c r="AK12" s="236"/>
      <c r="AL12" s="236"/>
      <c r="AM12" s="236"/>
      <c r="AN12" s="236"/>
      <c r="AO12" s="236"/>
      <c r="AP12" s="236"/>
      <c r="AQ12" s="236"/>
      <c r="AR12" s="236"/>
      <c r="AS12" s="236"/>
      <c r="AT12" s="236"/>
      <c r="AU12" s="236"/>
      <c r="AV12" s="236"/>
      <c r="AW12" s="236"/>
      <c r="AX12" s="236"/>
      <c r="AY12" s="236"/>
      <c r="AZ12" s="236"/>
      <c r="BA12" s="236"/>
      <c r="BB12" s="236"/>
      <c r="BC12" s="236"/>
      <c r="BD12" s="236"/>
      <c r="BE12" s="236"/>
      <c r="BF12" s="236"/>
      <c r="BG12" s="236"/>
      <c r="BH12" s="236"/>
      <c r="BI12" s="237"/>
    </row>
    <row r="13" spans="1:61">
      <c r="A13" s="231"/>
      <c r="B13" s="232"/>
      <c r="C13" s="232"/>
      <c r="D13" s="232"/>
      <c r="E13" s="232"/>
      <c r="F13" s="232"/>
      <c r="G13" s="233"/>
      <c r="H13" s="234"/>
      <c r="I13" s="235"/>
      <c r="J13" s="236"/>
      <c r="K13" s="236"/>
      <c r="L13" s="236"/>
      <c r="M13" s="236"/>
      <c r="N13" s="236"/>
      <c r="O13" s="236"/>
      <c r="P13" s="236"/>
      <c r="Q13" s="236"/>
      <c r="R13" s="236"/>
      <c r="S13" s="236"/>
      <c r="T13" s="236"/>
      <c r="U13" s="236"/>
      <c r="V13" s="236"/>
      <c r="W13" s="237"/>
      <c r="X13" s="234"/>
      <c r="Y13" s="236"/>
      <c r="Z13" s="236" t="s">
        <v>135</v>
      </c>
      <c r="AA13" s="236"/>
      <c r="AB13" s="236"/>
      <c r="AC13" s="236"/>
      <c r="AD13" s="236"/>
      <c r="AE13" s="236"/>
      <c r="AF13" s="236"/>
      <c r="AG13" s="236"/>
      <c r="AH13" s="236"/>
      <c r="AI13" s="236"/>
      <c r="AJ13" s="236"/>
      <c r="AK13" s="236"/>
      <c r="AL13" s="236"/>
      <c r="AM13" s="236"/>
      <c r="AN13" s="236"/>
      <c r="AO13" s="236"/>
      <c r="AP13" s="236"/>
      <c r="AQ13" s="236"/>
      <c r="AR13" s="236"/>
      <c r="AS13" s="236"/>
      <c r="AT13" s="236"/>
      <c r="AU13" s="236"/>
      <c r="AV13" s="236"/>
      <c r="AW13" s="236"/>
      <c r="AX13" s="236"/>
      <c r="AY13" s="236"/>
      <c r="AZ13" s="236"/>
      <c r="BA13" s="236"/>
      <c r="BB13" s="236"/>
      <c r="BC13" s="236"/>
      <c r="BD13" s="236"/>
      <c r="BE13" s="236"/>
      <c r="BF13" s="236"/>
      <c r="BG13" s="236"/>
      <c r="BH13" s="236"/>
      <c r="BI13" s="237"/>
    </row>
    <row r="14" spans="1:61">
      <c r="A14" s="231"/>
      <c r="B14" s="232"/>
      <c r="C14" s="232"/>
      <c r="D14" s="232"/>
      <c r="E14" s="232"/>
      <c r="F14" s="232"/>
      <c r="G14" s="233"/>
      <c r="H14" s="234"/>
      <c r="I14" s="235"/>
      <c r="J14" s="236"/>
      <c r="K14" s="236"/>
      <c r="L14" s="236"/>
      <c r="M14" s="236"/>
      <c r="N14" s="236"/>
      <c r="O14" s="236"/>
      <c r="P14" s="236"/>
      <c r="Q14" s="236"/>
      <c r="R14" s="236"/>
      <c r="S14" s="236"/>
      <c r="T14" s="236"/>
      <c r="U14" s="236"/>
      <c r="V14" s="236"/>
      <c r="W14" s="237"/>
      <c r="X14" s="234"/>
      <c r="Y14" s="236"/>
      <c r="Z14" s="236"/>
      <c r="AA14" s="236" t="s">
        <v>133</v>
      </c>
      <c r="AB14" s="236"/>
      <c r="AC14" s="236"/>
      <c r="AD14" s="236" t="s">
        <v>134</v>
      </c>
      <c r="AE14" s="236"/>
      <c r="AF14" s="236"/>
      <c r="AG14" s="236"/>
      <c r="AH14" s="236"/>
      <c r="AI14" s="236"/>
      <c r="AJ14" s="236"/>
      <c r="AK14" s="236"/>
      <c r="AL14" s="236"/>
      <c r="AM14" s="236"/>
      <c r="AN14" s="236"/>
      <c r="AO14" s="236"/>
      <c r="AP14" s="236"/>
      <c r="AQ14" s="236"/>
      <c r="AR14" s="236"/>
      <c r="AS14" s="236"/>
      <c r="AT14" s="236"/>
      <c r="AU14" s="236"/>
      <c r="AV14" s="236"/>
      <c r="AW14" s="236"/>
      <c r="AX14" s="236"/>
      <c r="AY14" s="236"/>
      <c r="AZ14" s="236"/>
      <c r="BA14" s="236"/>
      <c r="BB14" s="236"/>
      <c r="BC14" s="236"/>
      <c r="BD14" s="236"/>
      <c r="BE14" s="236"/>
      <c r="BF14" s="236"/>
      <c r="BG14" s="236"/>
      <c r="BH14" s="236"/>
      <c r="BI14" s="237"/>
    </row>
    <row r="15" spans="1:61">
      <c r="A15" s="231"/>
      <c r="B15" s="232"/>
      <c r="C15" s="232"/>
      <c r="D15" s="232"/>
      <c r="E15" s="232"/>
      <c r="F15" s="232"/>
      <c r="G15" s="233"/>
      <c r="H15" s="234"/>
      <c r="I15" s="235" t="s">
        <v>136</v>
      </c>
      <c r="J15" s="236"/>
      <c r="K15" s="236"/>
      <c r="L15" s="236"/>
      <c r="M15" s="236"/>
      <c r="N15" s="236"/>
      <c r="O15" s="236"/>
      <c r="P15" s="236"/>
      <c r="Q15" s="236"/>
      <c r="R15" s="236"/>
      <c r="S15" s="236"/>
      <c r="T15" s="236"/>
      <c r="U15" s="236"/>
      <c r="V15" s="236"/>
      <c r="W15" s="237"/>
      <c r="X15" s="234"/>
      <c r="Y15" s="236" t="s">
        <v>137</v>
      </c>
      <c r="Z15" s="236"/>
      <c r="AA15" s="236"/>
      <c r="AB15" s="236"/>
      <c r="AC15" s="236" t="s">
        <v>138</v>
      </c>
      <c r="AD15" s="236"/>
      <c r="AE15" s="236"/>
      <c r="AF15" s="236"/>
      <c r="AG15" s="236"/>
      <c r="AH15" s="236"/>
      <c r="AI15" s="236"/>
      <c r="AJ15" s="236"/>
      <c r="AK15" s="236"/>
      <c r="AL15" s="236"/>
      <c r="AM15" s="236"/>
      <c r="AN15" s="236"/>
      <c r="AO15" s="236"/>
      <c r="AP15" s="236"/>
      <c r="AQ15" s="236"/>
      <c r="AR15" s="236"/>
      <c r="AS15" s="236"/>
      <c r="AT15" s="236"/>
      <c r="AU15" s="236"/>
      <c r="AV15" s="236"/>
      <c r="AW15" s="236"/>
      <c r="AX15" s="236"/>
      <c r="AY15" s="236"/>
      <c r="AZ15" s="236"/>
      <c r="BA15" s="236"/>
      <c r="BB15" s="236"/>
      <c r="BC15" s="236"/>
      <c r="BD15" s="236"/>
      <c r="BE15" s="236"/>
      <c r="BF15" s="236"/>
      <c r="BG15" s="236"/>
      <c r="BH15" s="236"/>
      <c r="BI15" s="237"/>
    </row>
    <row r="16" spans="1:61">
      <c r="A16" s="238"/>
      <c r="B16" s="239"/>
      <c r="C16" s="239"/>
      <c r="D16" s="239"/>
      <c r="E16" s="239"/>
      <c r="F16" s="239"/>
      <c r="G16" s="240"/>
      <c r="H16" s="241"/>
      <c r="I16" s="242" t="s">
        <v>139</v>
      </c>
      <c r="J16" s="243"/>
      <c r="K16" s="243"/>
      <c r="L16" s="243"/>
      <c r="M16" s="243"/>
      <c r="N16" s="243"/>
      <c r="O16" s="243"/>
      <c r="P16" s="243"/>
      <c r="Q16" s="243"/>
      <c r="R16" s="243"/>
      <c r="S16" s="243"/>
      <c r="T16" s="243"/>
      <c r="U16" s="243"/>
      <c r="V16" s="243"/>
      <c r="W16" s="244"/>
      <c r="X16" s="245"/>
      <c r="Y16" s="243" t="s">
        <v>140</v>
      </c>
      <c r="Z16" s="246"/>
      <c r="AA16" s="246"/>
      <c r="AB16" s="246"/>
      <c r="AC16" s="246"/>
      <c r="AD16" s="246"/>
      <c r="AE16" s="246"/>
      <c r="AF16" s="246"/>
      <c r="AG16" s="246"/>
      <c r="AH16" s="246"/>
      <c r="AI16" s="246"/>
      <c r="AJ16" s="246"/>
      <c r="AK16" s="246"/>
      <c r="AL16" s="246"/>
      <c r="AM16" s="246"/>
      <c r="AN16" s="246"/>
      <c r="AO16" s="246"/>
      <c r="AP16" s="246"/>
      <c r="AQ16" s="246"/>
      <c r="AR16" s="246"/>
      <c r="AS16" s="246"/>
      <c r="AT16" s="246"/>
      <c r="AU16" s="246"/>
      <c r="AV16" s="246"/>
      <c r="AW16" s="246"/>
      <c r="AX16" s="246"/>
      <c r="AY16" s="246"/>
      <c r="AZ16" s="246"/>
      <c r="BA16" s="246"/>
      <c r="BB16" s="246"/>
      <c r="BC16" s="243" t="s">
        <v>138</v>
      </c>
      <c r="BD16" s="246"/>
      <c r="BE16" s="246"/>
      <c r="BF16" s="246"/>
      <c r="BG16" s="246"/>
      <c r="BH16" s="246"/>
      <c r="BI16" s="247"/>
    </row>
    <row r="17" spans="1:61">
      <c r="A17" s="401" t="s">
        <v>141</v>
      </c>
      <c r="B17" s="402"/>
      <c r="C17" s="402"/>
      <c r="D17" s="402"/>
      <c r="E17" s="402"/>
      <c r="F17" s="402"/>
      <c r="G17" s="403"/>
      <c r="H17" s="227"/>
      <c r="I17" s="228" t="s">
        <v>142</v>
      </c>
      <c r="J17" s="229"/>
      <c r="K17" s="229"/>
      <c r="L17" s="229"/>
      <c r="M17" s="229"/>
      <c r="N17" s="229"/>
      <c r="O17" s="229"/>
      <c r="P17" s="229"/>
      <c r="Q17" s="229"/>
      <c r="R17" s="229"/>
      <c r="S17" s="229"/>
      <c r="T17" s="229"/>
      <c r="U17" s="229"/>
      <c r="V17" s="229"/>
      <c r="W17" s="230"/>
      <c r="X17" s="227"/>
      <c r="Y17" s="228" t="s">
        <v>143</v>
      </c>
      <c r="Z17" s="229"/>
      <c r="AA17" s="229"/>
      <c r="AB17" s="229"/>
      <c r="AC17" s="229"/>
      <c r="AD17" s="229"/>
      <c r="AE17" s="229"/>
      <c r="AF17" s="229"/>
      <c r="AG17" s="229"/>
      <c r="AH17" s="229"/>
      <c r="AI17" s="229"/>
      <c r="AJ17" s="229"/>
      <c r="AK17" s="229"/>
      <c r="AL17" s="229"/>
      <c r="AM17" s="229"/>
      <c r="AN17" s="229"/>
      <c r="AO17" s="229"/>
      <c r="AP17" s="229"/>
      <c r="AQ17" s="229"/>
      <c r="AR17" s="229"/>
      <c r="AS17" s="229"/>
      <c r="AT17" s="229"/>
      <c r="AU17" s="229"/>
      <c r="AV17" s="229"/>
      <c r="AW17" s="229"/>
      <c r="AX17" s="229"/>
      <c r="AY17" s="229"/>
      <c r="AZ17" s="229"/>
      <c r="BA17" s="229"/>
      <c r="BB17" s="229"/>
      <c r="BC17" s="229"/>
      <c r="BD17" s="229"/>
      <c r="BE17" s="229"/>
      <c r="BF17" s="229"/>
      <c r="BG17" s="229"/>
      <c r="BH17" s="229"/>
      <c r="BI17" s="230"/>
    </row>
    <row r="18" spans="1:61">
      <c r="A18" s="231"/>
      <c r="B18" s="232"/>
      <c r="C18" s="232"/>
      <c r="D18" s="232"/>
      <c r="E18" s="232"/>
      <c r="F18" s="232"/>
      <c r="G18" s="233"/>
      <c r="H18" s="234"/>
      <c r="I18" s="235"/>
      <c r="J18" s="236"/>
      <c r="K18" s="236"/>
      <c r="L18" s="236"/>
      <c r="M18" s="236"/>
      <c r="N18" s="236"/>
      <c r="O18" s="236"/>
      <c r="P18" s="236"/>
      <c r="Q18" s="236"/>
      <c r="R18" s="236"/>
      <c r="S18" s="236"/>
      <c r="T18" s="236"/>
      <c r="U18" s="236"/>
      <c r="V18" s="236"/>
      <c r="W18" s="237"/>
      <c r="X18" s="234"/>
      <c r="Y18" s="235"/>
      <c r="Z18" s="236" t="s">
        <v>144</v>
      </c>
      <c r="AA18" s="236"/>
      <c r="AB18" s="236"/>
      <c r="AC18" s="236"/>
      <c r="AD18" s="236"/>
      <c r="AE18" s="236"/>
      <c r="AF18" s="236"/>
      <c r="AG18" s="236" t="s">
        <v>145</v>
      </c>
      <c r="AH18" s="236"/>
      <c r="AI18" s="236"/>
      <c r="AJ18" s="236"/>
      <c r="AK18" s="236"/>
      <c r="AL18" s="236"/>
      <c r="AM18" s="236"/>
      <c r="AN18" s="236"/>
      <c r="AO18" s="236"/>
      <c r="AP18" s="236"/>
      <c r="AQ18" s="236"/>
      <c r="AR18" s="236"/>
      <c r="AS18" s="236" t="s">
        <v>146</v>
      </c>
      <c r="AT18" s="236"/>
      <c r="AU18" s="236"/>
      <c r="AV18" s="236"/>
      <c r="AW18" s="236"/>
      <c r="AX18" s="236"/>
      <c r="AY18" s="236"/>
      <c r="AZ18" s="236"/>
      <c r="BA18" s="236" t="s">
        <v>147</v>
      </c>
      <c r="BB18" s="236"/>
      <c r="BC18" s="236"/>
      <c r="BD18" s="236"/>
      <c r="BE18" s="236"/>
      <c r="BF18" s="236"/>
      <c r="BG18" s="236"/>
      <c r="BH18" s="236"/>
      <c r="BI18" s="237"/>
    </row>
    <row r="19" spans="1:61">
      <c r="A19" s="231"/>
      <c r="B19" s="232"/>
      <c r="C19" s="232"/>
      <c r="D19" s="232"/>
      <c r="E19" s="232"/>
      <c r="F19" s="232"/>
      <c r="G19" s="233"/>
      <c r="H19" s="234"/>
      <c r="I19" s="235"/>
      <c r="J19" s="236"/>
      <c r="K19" s="236"/>
      <c r="L19" s="236"/>
      <c r="M19" s="236"/>
      <c r="N19" s="236"/>
      <c r="O19" s="236"/>
      <c r="P19" s="236"/>
      <c r="Q19" s="236"/>
      <c r="R19" s="236"/>
      <c r="S19" s="236"/>
      <c r="T19" s="236"/>
      <c r="U19" s="236"/>
      <c r="V19" s="236"/>
      <c r="W19" s="237"/>
      <c r="X19" s="234"/>
      <c r="Y19" s="235"/>
      <c r="Z19" s="236" t="s">
        <v>148</v>
      </c>
      <c r="AA19" s="236"/>
      <c r="AB19" s="236"/>
      <c r="AC19" s="236" t="s">
        <v>150</v>
      </c>
      <c r="AD19" s="404" t="s">
        <v>487</v>
      </c>
      <c r="AE19" s="404"/>
      <c r="AF19" s="404"/>
      <c r="AG19" s="404"/>
      <c r="AH19" s="404"/>
      <c r="AI19" s="404"/>
      <c r="AJ19" s="404"/>
      <c r="AK19" s="404"/>
      <c r="AL19" s="404"/>
      <c r="AM19" s="404"/>
      <c r="AN19" s="404"/>
      <c r="AO19" s="404"/>
      <c r="AP19" s="404"/>
      <c r="AQ19" s="404"/>
      <c r="AR19" s="404"/>
      <c r="AS19" s="404"/>
      <c r="AT19" s="404"/>
      <c r="AU19" s="404"/>
      <c r="AV19" s="404"/>
      <c r="AW19" s="404"/>
      <c r="AX19" s="404"/>
      <c r="AY19" s="404"/>
      <c r="AZ19" s="404"/>
      <c r="BA19" s="404"/>
      <c r="BB19" s="404"/>
      <c r="BC19" s="236" t="s">
        <v>152</v>
      </c>
      <c r="BD19" s="236"/>
      <c r="BE19" s="236" t="s">
        <v>153</v>
      </c>
      <c r="BF19" s="236"/>
      <c r="BG19" s="236"/>
      <c r="BH19" s="236"/>
      <c r="BI19" s="237"/>
    </row>
    <row r="20" spans="1:61">
      <c r="A20" s="231"/>
      <c r="B20" s="232"/>
      <c r="C20" s="232"/>
      <c r="D20" s="232"/>
      <c r="E20" s="232"/>
      <c r="F20" s="232"/>
      <c r="G20" s="233"/>
      <c r="H20" s="234"/>
      <c r="I20" s="393" t="s">
        <v>154</v>
      </c>
      <c r="J20" s="394"/>
      <c r="K20" s="394"/>
      <c r="L20" s="394"/>
      <c r="M20" s="394"/>
      <c r="N20" s="394"/>
      <c r="O20" s="394"/>
      <c r="P20" s="394"/>
      <c r="Q20" s="394"/>
      <c r="R20" s="394"/>
      <c r="S20" s="394"/>
      <c r="T20" s="394"/>
      <c r="U20" s="394"/>
      <c r="V20" s="394"/>
      <c r="W20" s="395"/>
      <c r="X20" s="234"/>
      <c r="Y20" s="235" t="s">
        <v>155</v>
      </c>
      <c r="Z20" s="236"/>
      <c r="AA20" s="236"/>
      <c r="AB20" s="236"/>
      <c r="AC20" s="236"/>
      <c r="AD20" s="236"/>
      <c r="AE20" s="236" t="s">
        <v>150</v>
      </c>
      <c r="AF20" s="396" t="s">
        <v>348</v>
      </c>
      <c r="AG20" s="396"/>
      <c r="AH20" s="396"/>
      <c r="AI20" s="396"/>
      <c r="AJ20" s="396"/>
      <c r="AK20" s="396"/>
      <c r="AL20" s="396"/>
      <c r="AM20" s="236" t="s">
        <v>152</v>
      </c>
      <c r="AN20" s="236"/>
      <c r="AO20" s="236" t="s">
        <v>156</v>
      </c>
      <c r="AP20" s="236"/>
      <c r="AQ20" s="236"/>
      <c r="AR20" s="236"/>
      <c r="AS20" s="236"/>
      <c r="AT20" s="236"/>
      <c r="AU20" s="236"/>
      <c r="AV20" s="236"/>
      <c r="AW20" s="236"/>
      <c r="AX20" s="236" t="s">
        <v>150</v>
      </c>
      <c r="AY20" s="396" t="s">
        <v>348</v>
      </c>
      <c r="AZ20" s="396"/>
      <c r="BA20" s="396"/>
      <c r="BB20" s="396"/>
      <c r="BC20" s="396"/>
      <c r="BD20" s="396"/>
      <c r="BE20" s="396"/>
      <c r="BF20" s="396"/>
      <c r="BG20" s="396"/>
      <c r="BH20" s="396"/>
      <c r="BI20" s="237" t="s">
        <v>152</v>
      </c>
    </row>
    <row r="21" spans="1:61">
      <c r="A21" s="231"/>
      <c r="B21" s="232"/>
      <c r="C21" s="232"/>
      <c r="D21" s="232"/>
      <c r="E21" s="232"/>
      <c r="F21" s="232"/>
      <c r="G21" s="233"/>
      <c r="H21" s="234"/>
      <c r="I21" s="393"/>
      <c r="J21" s="394"/>
      <c r="K21" s="394"/>
      <c r="L21" s="394"/>
      <c r="M21" s="394"/>
      <c r="N21" s="394"/>
      <c r="O21" s="394"/>
      <c r="P21" s="394"/>
      <c r="Q21" s="394"/>
      <c r="R21" s="394"/>
      <c r="S21" s="394"/>
      <c r="T21" s="394"/>
      <c r="U21" s="394"/>
      <c r="V21" s="394"/>
      <c r="W21" s="395"/>
      <c r="X21" s="234"/>
      <c r="Y21" s="235" t="s">
        <v>157</v>
      </c>
      <c r="Z21" s="236"/>
      <c r="AA21" s="236"/>
      <c r="AB21" s="236"/>
      <c r="AC21" s="236" t="s">
        <v>150</v>
      </c>
      <c r="AD21" s="396"/>
      <c r="AE21" s="396"/>
      <c r="AF21" s="396"/>
      <c r="AG21" s="396"/>
      <c r="AH21" s="396"/>
      <c r="AI21" s="396"/>
      <c r="AJ21" s="396"/>
      <c r="AK21" s="396"/>
      <c r="AL21" s="396"/>
      <c r="AM21" s="396"/>
      <c r="AN21" s="396"/>
      <c r="AO21" s="396"/>
      <c r="AP21" s="396"/>
      <c r="AQ21" s="396"/>
      <c r="AR21" s="396"/>
      <c r="AS21" s="396"/>
      <c r="AT21" s="396"/>
      <c r="AU21" s="396"/>
      <c r="AV21" s="396"/>
      <c r="AW21" s="396"/>
      <c r="AX21" s="396"/>
      <c r="AY21" s="396"/>
      <c r="AZ21" s="396"/>
      <c r="BA21" s="396"/>
      <c r="BB21" s="396"/>
      <c r="BC21" s="396"/>
      <c r="BD21" s="396"/>
      <c r="BE21" s="396"/>
      <c r="BF21" s="396"/>
      <c r="BG21" s="396"/>
      <c r="BH21" s="396"/>
      <c r="BI21" s="237" t="s">
        <v>152</v>
      </c>
    </row>
    <row r="22" spans="1:61">
      <c r="A22" s="231"/>
      <c r="B22" s="232"/>
      <c r="C22" s="232"/>
      <c r="D22" s="232"/>
      <c r="E22" s="232"/>
      <c r="F22" s="232"/>
      <c r="G22" s="233"/>
      <c r="H22" s="234"/>
      <c r="I22" s="248" t="s">
        <v>158</v>
      </c>
      <c r="J22" s="249"/>
      <c r="K22" s="249"/>
      <c r="L22" s="249"/>
      <c r="M22" s="250"/>
      <c r="N22" s="250"/>
      <c r="O22" s="250"/>
      <c r="P22" s="250"/>
      <c r="Q22" s="250"/>
      <c r="R22" s="250"/>
      <c r="S22" s="250"/>
      <c r="T22" s="250"/>
      <c r="U22" s="250"/>
      <c r="V22" s="250"/>
      <c r="W22" s="251"/>
      <c r="X22" s="234"/>
      <c r="Y22" s="235" t="s">
        <v>159</v>
      </c>
      <c r="Z22" s="236"/>
      <c r="AA22" s="236"/>
      <c r="AB22" s="236"/>
      <c r="AC22" s="236"/>
      <c r="AD22" s="236"/>
      <c r="AE22" s="236"/>
      <c r="AF22" s="236"/>
      <c r="AG22" s="236" t="s">
        <v>150</v>
      </c>
      <c r="AH22" s="396"/>
      <c r="AI22" s="396"/>
      <c r="AJ22" s="396"/>
      <c r="AK22" s="396"/>
      <c r="AL22" s="396"/>
      <c r="AM22" s="396"/>
      <c r="AN22" s="396"/>
      <c r="AO22" s="236" t="s">
        <v>152</v>
      </c>
      <c r="AP22" s="236"/>
      <c r="AQ22" s="236" t="s">
        <v>160</v>
      </c>
      <c r="AR22" s="236"/>
      <c r="AS22" s="236"/>
      <c r="AT22" s="236"/>
      <c r="AU22" s="236"/>
      <c r="AV22" s="236"/>
      <c r="AW22" s="236"/>
      <c r="AX22" s="236"/>
      <c r="AY22" s="236" t="s">
        <v>150</v>
      </c>
      <c r="AZ22" s="396"/>
      <c r="BA22" s="396"/>
      <c r="BB22" s="396"/>
      <c r="BC22" s="396"/>
      <c r="BD22" s="396"/>
      <c r="BE22" s="396"/>
      <c r="BF22" s="396"/>
      <c r="BG22" s="396"/>
      <c r="BH22" s="396"/>
      <c r="BI22" s="237" t="s">
        <v>152</v>
      </c>
    </row>
    <row r="23" spans="1:61">
      <c r="A23" s="231"/>
      <c r="B23" s="232"/>
      <c r="C23" s="232"/>
      <c r="D23" s="232"/>
      <c r="E23" s="232"/>
      <c r="F23" s="232"/>
      <c r="G23" s="233"/>
      <c r="H23" s="234"/>
      <c r="I23" s="252" t="s">
        <v>148</v>
      </c>
      <c r="J23" s="250"/>
      <c r="K23" s="250"/>
      <c r="L23" s="250" t="s">
        <v>150</v>
      </c>
      <c r="M23" s="396"/>
      <c r="N23" s="396"/>
      <c r="O23" s="396"/>
      <c r="P23" s="396"/>
      <c r="Q23" s="396"/>
      <c r="R23" s="396"/>
      <c r="S23" s="396"/>
      <c r="T23" s="396"/>
      <c r="U23" s="396"/>
      <c r="V23" s="396"/>
      <c r="W23" s="251" t="s">
        <v>152</v>
      </c>
      <c r="X23" s="234"/>
      <c r="Y23" s="235" t="s">
        <v>148</v>
      </c>
      <c r="Z23" s="236"/>
      <c r="AA23" s="236"/>
      <c r="AB23" s="236" t="s">
        <v>150</v>
      </c>
      <c r="AC23" s="396"/>
      <c r="AD23" s="396"/>
      <c r="AE23" s="396"/>
      <c r="AF23" s="396"/>
      <c r="AG23" s="396"/>
      <c r="AH23" s="396"/>
      <c r="AI23" s="396"/>
      <c r="AJ23" s="396"/>
      <c r="AK23" s="396"/>
      <c r="AL23" s="396"/>
      <c r="AM23" s="396"/>
      <c r="AN23" s="396"/>
      <c r="AO23" s="396"/>
      <c r="AP23" s="396"/>
      <c r="AQ23" s="396"/>
      <c r="AR23" s="396"/>
      <c r="AS23" s="396"/>
      <c r="AT23" s="396"/>
      <c r="AU23" s="396"/>
      <c r="AV23" s="396"/>
      <c r="AW23" s="396"/>
      <c r="AX23" s="396"/>
      <c r="AY23" s="396"/>
      <c r="AZ23" s="396"/>
      <c r="BA23" s="396"/>
      <c r="BB23" s="396"/>
      <c r="BC23" s="396"/>
      <c r="BD23" s="396"/>
      <c r="BE23" s="396"/>
      <c r="BF23" s="396"/>
      <c r="BG23" s="396"/>
      <c r="BH23" s="396"/>
      <c r="BI23" s="237" t="s">
        <v>152</v>
      </c>
    </row>
    <row r="24" spans="1:61">
      <c r="A24" s="231"/>
      <c r="B24" s="232"/>
      <c r="C24" s="232"/>
      <c r="D24" s="232"/>
      <c r="E24" s="232"/>
      <c r="F24" s="232"/>
      <c r="G24" s="233"/>
      <c r="H24" s="234"/>
      <c r="I24" s="252"/>
      <c r="J24" s="250"/>
      <c r="K24" s="250"/>
      <c r="L24" s="250"/>
      <c r="M24" s="250"/>
      <c r="N24" s="250"/>
      <c r="O24" s="250"/>
      <c r="P24" s="250"/>
      <c r="Q24" s="250"/>
      <c r="R24" s="250"/>
      <c r="S24" s="250"/>
      <c r="T24" s="250"/>
      <c r="U24" s="250"/>
      <c r="V24" s="250"/>
      <c r="W24" s="251"/>
      <c r="X24" s="234"/>
      <c r="Y24" s="242"/>
      <c r="Z24" s="243"/>
      <c r="AA24" s="236"/>
      <c r="AB24" s="236"/>
      <c r="AC24" s="236"/>
      <c r="AD24" s="236"/>
      <c r="AE24" s="236"/>
      <c r="AF24" s="236"/>
      <c r="AG24" s="236"/>
      <c r="AH24" s="236"/>
      <c r="AI24" s="236"/>
      <c r="AJ24" s="236"/>
      <c r="AK24" s="236"/>
      <c r="AL24" s="236"/>
      <c r="AM24" s="236"/>
      <c r="AN24" s="236"/>
      <c r="AO24" s="236"/>
      <c r="AP24" s="236"/>
      <c r="AQ24" s="236"/>
      <c r="AR24" s="236"/>
      <c r="AS24" s="236"/>
      <c r="AT24" s="236"/>
      <c r="AU24" s="236"/>
      <c r="AV24" s="236"/>
      <c r="AW24" s="236"/>
      <c r="AX24" s="236"/>
      <c r="AY24" s="236"/>
      <c r="AZ24" s="236"/>
      <c r="BA24" s="236"/>
      <c r="BB24" s="243"/>
      <c r="BC24" s="243"/>
      <c r="BD24" s="243"/>
      <c r="BE24" s="243"/>
      <c r="BF24" s="243"/>
      <c r="BG24" s="243"/>
      <c r="BH24" s="243"/>
      <c r="BI24" s="244"/>
    </row>
    <row r="25" spans="1:61">
      <c r="A25" s="401" t="s">
        <v>161</v>
      </c>
      <c r="B25" s="402"/>
      <c r="C25" s="402"/>
      <c r="D25" s="402"/>
      <c r="E25" s="402"/>
      <c r="F25" s="402"/>
      <c r="G25" s="403"/>
      <c r="H25" s="227"/>
      <c r="I25" s="228" t="s">
        <v>162</v>
      </c>
      <c r="J25" s="229"/>
      <c r="K25" s="229"/>
      <c r="L25" s="229"/>
      <c r="M25" s="229"/>
      <c r="N25" s="229"/>
      <c r="O25" s="229"/>
      <c r="P25" s="229"/>
      <c r="Q25" s="229"/>
      <c r="R25" s="229"/>
      <c r="S25" s="229"/>
      <c r="T25" s="229"/>
      <c r="U25" s="229"/>
      <c r="V25" s="229"/>
      <c r="W25" s="230"/>
      <c r="X25" s="253"/>
      <c r="Y25" s="254" t="s">
        <v>163</v>
      </c>
      <c r="Z25" s="255"/>
      <c r="AA25" s="255"/>
      <c r="AB25" s="255"/>
      <c r="AC25" s="255"/>
      <c r="AD25" s="255"/>
      <c r="AE25" s="256" t="s">
        <v>150</v>
      </c>
      <c r="AF25" s="255"/>
      <c r="AG25" s="255" t="s">
        <v>164</v>
      </c>
      <c r="AH25" s="255"/>
      <c r="AI25" s="255"/>
      <c r="AJ25" s="255"/>
      <c r="AK25" s="255"/>
      <c r="AL25" s="255" t="s">
        <v>165</v>
      </c>
      <c r="AM25" s="407"/>
      <c r="AN25" s="407"/>
      <c r="AO25" s="255" t="s">
        <v>166</v>
      </c>
      <c r="AP25" s="255" t="s">
        <v>165</v>
      </c>
      <c r="AQ25" s="407"/>
      <c r="AR25" s="407"/>
      <c r="AS25" s="255"/>
      <c r="AT25" s="255"/>
      <c r="AU25" s="255" t="s">
        <v>153</v>
      </c>
      <c r="AV25" s="255"/>
      <c r="AW25" s="255"/>
      <c r="AX25" s="255"/>
      <c r="AY25" s="255" t="s">
        <v>152</v>
      </c>
      <c r="AZ25" s="255"/>
      <c r="BA25" s="255"/>
      <c r="BB25" s="255"/>
      <c r="BC25" s="255"/>
      <c r="BD25" s="255"/>
      <c r="BE25" s="255"/>
      <c r="BF25" s="255"/>
      <c r="BG25" s="255"/>
      <c r="BH25" s="255"/>
      <c r="BI25" s="257"/>
    </row>
    <row r="26" spans="1:61">
      <c r="A26" s="231"/>
      <c r="B26" s="232"/>
      <c r="C26" s="232"/>
      <c r="D26" s="232"/>
      <c r="E26" s="232"/>
      <c r="F26" s="232"/>
      <c r="G26" s="233"/>
      <c r="H26" s="234"/>
      <c r="I26" s="235"/>
      <c r="J26" s="236"/>
      <c r="K26" s="236"/>
      <c r="L26" s="236"/>
      <c r="M26" s="236"/>
      <c r="N26" s="236"/>
      <c r="O26" s="236"/>
      <c r="P26" s="236"/>
      <c r="Q26" s="236"/>
      <c r="R26" s="236"/>
      <c r="S26" s="236"/>
      <c r="T26" s="236"/>
      <c r="U26" s="236"/>
      <c r="V26" s="236"/>
      <c r="W26" s="237"/>
      <c r="X26" s="258"/>
      <c r="Y26" s="252" t="s">
        <v>167</v>
      </c>
      <c r="Z26" s="259"/>
      <c r="AA26" s="259"/>
      <c r="AB26" s="259"/>
      <c r="AC26" s="259"/>
      <c r="AD26" s="259"/>
      <c r="AE26" s="260" t="s">
        <v>150</v>
      </c>
      <c r="AF26" s="259"/>
      <c r="AG26" s="259" t="s">
        <v>56</v>
      </c>
      <c r="AH26" s="259"/>
      <c r="AI26" s="396"/>
      <c r="AJ26" s="396"/>
      <c r="AK26" s="259" t="s">
        <v>168</v>
      </c>
      <c r="AL26" s="396"/>
      <c r="AM26" s="396"/>
      <c r="AN26" s="259" t="s">
        <v>169</v>
      </c>
      <c r="AP26" s="259"/>
      <c r="AQ26" s="259"/>
      <c r="AR26" s="259" t="s">
        <v>153</v>
      </c>
      <c r="AS26" s="259"/>
      <c r="AT26" s="259"/>
      <c r="AU26" s="259"/>
      <c r="AV26" s="259" t="s">
        <v>152</v>
      </c>
      <c r="AW26" s="259"/>
      <c r="AX26" s="259"/>
      <c r="AY26" s="259"/>
      <c r="AZ26" s="259"/>
      <c r="BA26" s="259"/>
      <c r="BB26" s="259"/>
      <c r="BC26" s="259"/>
      <c r="BD26" s="259"/>
      <c r="BE26" s="259"/>
      <c r="BF26" s="259"/>
      <c r="BG26" s="259"/>
      <c r="BH26" s="259"/>
      <c r="BI26" s="261"/>
    </row>
    <row r="27" spans="1:61">
      <c r="A27" s="231"/>
      <c r="B27" s="232"/>
      <c r="C27" s="232"/>
      <c r="D27" s="232"/>
      <c r="E27" s="232"/>
      <c r="F27" s="232"/>
      <c r="G27" s="233"/>
      <c r="H27" s="234"/>
      <c r="I27" s="235" t="s">
        <v>170</v>
      </c>
      <c r="J27" s="236"/>
      <c r="K27" s="236"/>
      <c r="L27" s="236"/>
      <c r="M27" s="236"/>
      <c r="N27" s="236"/>
      <c r="O27" s="236"/>
      <c r="P27" s="236"/>
      <c r="Q27" s="236"/>
      <c r="R27" s="236"/>
      <c r="S27" s="236"/>
      <c r="T27" s="236"/>
      <c r="U27" s="236"/>
      <c r="V27" s="236"/>
      <c r="W27" s="237"/>
      <c r="X27" s="258"/>
      <c r="Y27" s="252" t="s">
        <v>171</v>
      </c>
      <c r="Z27" s="259"/>
      <c r="AA27" s="259"/>
      <c r="AB27" s="259"/>
      <c r="AC27" s="260" t="s">
        <v>149</v>
      </c>
      <c r="AD27" s="262"/>
      <c r="AE27" s="262" t="s">
        <v>172</v>
      </c>
      <c r="AF27" s="259"/>
      <c r="AG27" s="259"/>
      <c r="AH27" s="259"/>
      <c r="AI27" s="259"/>
      <c r="AJ27" s="259" t="s">
        <v>173</v>
      </c>
      <c r="AK27" s="259"/>
      <c r="AL27" s="259"/>
      <c r="AM27" s="259"/>
      <c r="AN27" s="259"/>
      <c r="AO27" s="259" t="s">
        <v>148</v>
      </c>
      <c r="AP27" s="259"/>
      <c r="AQ27" s="259"/>
      <c r="AR27" s="259" t="s">
        <v>150</v>
      </c>
      <c r="AS27" s="396"/>
      <c r="AT27" s="405"/>
      <c r="AU27" s="405"/>
      <c r="AV27" s="405"/>
      <c r="AW27" s="405"/>
      <c r="AX27" s="405"/>
      <c r="AY27" s="405"/>
      <c r="AZ27" s="405"/>
      <c r="BA27" s="405"/>
      <c r="BB27" s="405"/>
      <c r="BC27" s="405"/>
      <c r="BD27" s="259" t="s">
        <v>151</v>
      </c>
      <c r="BE27" s="259"/>
      <c r="BF27" s="259" t="s">
        <v>153</v>
      </c>
      <c r="BG27" s="259"/>
      <c r="BH27" s="259"/>
      <c r="BI27" s="261"/>
    </row>
    <row r="28" spans="1:61">
      <c r="A28" s="231"/>
      <c r="B28" s="232"/>
      <c r="C28" s="232"/>
      <c r="D28" s="232"/>
      <c r="E28" s="232"/>
      <c r="F28" s="232"/>
      <c r="G28" s="233"/>
      <c r="H28" s="234"/>
      <c r="I28" s="235"/>
      <c r="J28" s="236"/>
      <c r="K28" s="236"/>
      <c r="L28" s="236"/>
      <c r="M28" s="236"/>
      <c r="N28" s="236"/>
      <c r="O28" s="236"/>
      <c r="P28" s="236"/>
      <c r="Q28" s="236"/>
      <c r="R28" s="236"/>
      <c r="S28" s="236"/>
      <c r="T28" s="236"/>
      <c r="U28" s="236"/>
      <c r="V28" s="236"/>
      <c r="W28" s="237"/>
      <c r="X28" s="258"/>
      <c r="Y28" s="252" t="s">
        <v>174</v>
      </c>
      <c r="Z28" s="259"/>
      <c r="AA28" s="259"/>
      <c r="AB28" s="259"/>
      <c r="AC28" s="259"/>
      <c r="AD28" s="259"/>
      <c r="AE28" s="260"/>
      <c r="AG28" s="259" t="s">
        <v>150</v>
      </c>
      <c r="AH28" s="396"/>
      <c r="AI28" s="396"/>
      <c r="AJ28" s="396"/>
      <c r="AK28" s="396"/>
      <c r="AL28" s="396"/>
      <c r="AM28" s="396"/>
      <c r="AN28" s="396"/>
      <c r="AO28" s="396"/>
      <c r="AP28" s="396"/>
      <c r="AQ28" s="396"/>
      <c r="AR28" s="396"/>
      <c r="AS28" s="396"/>
      <c r="AT28" s="396"/>
      <c r="AU28" s="396"/>
      <c r="AV28" s="396"/>
      <c r="AW28" s="396"/>
      <c r="AX28" s="396"/>
      <c r="AY28" s="396"/>
      <c r="AZ28" s="396"/>
      <c r="BA28" s="396"/>
      <c r="BB28" s="396"/>
      <c r="BC28" s="396"/>
      <c r="BD28" s="396"/>
      <c r="BE28" s="396"/>
      <c r="BF28" s="396"/>
      <c r="BG28" s="396"/>
      <c r="BH28" s="396"/>
      <c r="BI28" s="261" t="s">
        <v>151</v>
      </c>
    </row>
    <row r="29" spans="1:61">
      <c r="A29" s="231"/>
      <c r="B29" s="232"/>
      <c r="C29" s="232"/>
      <c r="D29" s="232"/>
      <c r="E29" s="232"/>
      <c r="F29" s="232"/>
      <c r="G29" s="233"/>
      <c r="H29" s="234"/>
      <c r="I29" s="235"/>
      <c r="J29" s="236"/>
      <c r="K29" s="236"/>
      <c r="L29" s="236"/>
      <c r="M29" s="236"/>
      <c r="N29" s="236"/>
      <c r="O29" s="236"/>
      <c r="P29" s="236"/>
      <c r="Q29" s="236"/>
      <c r="R29" s="236"/>
      <c r="S29" s="236"/>
      <c r="T29" s="236"/>
      <c r="U29" s="236"/>
      <c r="V29" s="236"/>
      <c r="W29" s="237"/>
      <c r="X29" s="258"/>
      <c r="Y29" s="252" t="s">
        <v>175</v>
      </c>
      <c r="Z29" s="259"/>
      <c r="AA29" s="259"/>
      <c r="AB29" s="259"/>
      <c r="AC29" s="259"/>
      <c r="AD29" s="259"/>
      <c r="AE29" s="259"/>
      <c r="AF29" s="259"/>
      <c r="AG29" s="259"/>
      <c r="AH29" s="259"/>
      <c r="AI29" s="259" t="s">
        <v>176</v>
      </c>
      <c r="AJ29" s="259"/>
      <c r="AK29" s="406"/>
      <c r="AL29" s="406"/>
      <c r="AM29" s="259" t="s">
        <v>177</v>
      </c>
      <c r="AN29" s="259"/>
      <c r="AO29" s="259"/>
      <c r="AP29" s="259"/>
      <c r="AQ29" s="259"/>
      <c r="AR29" s="259"/>
      <c r="AS29" s="259"/>
      <c r="AT29" s="259"/>
      <c r="AU29" s="259"/>
      <c r="AV29" s="259"/>
      <c r="AW29" s="259"/>
      <c r="AX29" s="259"/>
      <c r="AY29" s="259"/>
      <c r="AZ29" s="259"/>
      <c r="BA29" s="259"/>
      <c r="BB29" s="259"/>
      <c r="BC29" s="259"/>
      <c r="BD29" s="259"/>
      <c r="BE29" s="259"/>
      <c r="BF29" s="259"/>
      <c r="BG29" s="259"/>
      <c r="BH29" s="259"/>
      <c r="BI29" s="261"/>
    </row>
    <row r="30" spans="1:61">
      <c r="A30" s="231"/>
      <c r="B30" s="232"/>
      <c r="C30" s="232"/>
      <c r="D30" s="232"/>
      <c r="E30" s="232"/>
      <c r="F30" s="232"/>
      <c r="G30" s="233"/>
      <c r="H30" s="234"/>
      <c r="I30" s="235"/>
      <c r="J30" s="236"/>
      <c r="K30" s="236"/>
      <c r="L30" s="236"/>
      <c r="M30" s="236"/>
      <c r="N30" s="236"/>
      <c r="O30" s="236"/>
      <c r="P30" s="236"/>
      <c r="Q30" s="236"/>
      <c r="R30" s="236"/>
      <c r="S30" s="236"/>
      <c r="T30" s="236"/>
      <c r="U30" s="236"/>
      <c r="V30" s="236"/>
      <c r="W30" s="237"/>
      <c r="X30" s="234"/>
      <c r="Y30" s="252" t="s">
        <v>178</v>
      </c>
      <c r="Z30" s="259"/>
      <c r="AA30" s="259"/>
      <c r="AB30" s="259"/>
      <c r="AC30" s="259"/>
      <c r="AD30" s="259"/>
      <c r="AE30" s="259"/>
      <c r="AG30" s="259" t="s">
        <v>150</v>
      </c>
      <c r="AH30" s="404"/>
      <c r="AI30" s="404"/>
      <c r="AJ30" s="404"/>
      <c r="AK30" s="404"/>
      <c r="AL30" s="404"/>
      <c r="AM30" s="404"/>
      <c r="AN30" s="404"/>
      <c r="AO30" s="404"/>
      <c r="AP30" s="404"/>
      <c r="AQ30" s="404"/>
      <c r="AR30" s="404"/>
      <c r="AS30" s="404"/>
      <c r="AT30" s="404"/>
      <c r="AU30" s="404"/>
      <c r="AV30" s="404"/>
      <c r="AW30" s="404"/>
      <c r="AX30" s="404"/>
      <c r="AY30" s="404"/>
      <c r="AZ30" s="404"/>
      <c r="BA30" s="404"/>
      <c r="BB30" s="404"/>
      <c r="BC30" s="404"/>
      <c r="BD30" s="404"/>
      <c r="BE30" s="404"/>
      <c r="BF30" s="404"/>
      <c r="BG30" s="404"/>
      <c r="BH30" s="404"/>
      <c r="BI30" s="261" t="s">
        <v>151</v>
      </c>
    </row>
    <row r="31" spans="1:61">
      <c r="A31" s="231"/>
      <c r="B31" s="232"/>
      <c r="C31" s="232"/>
      <c r="D31" s="232"/>
      <c r="E31" s="232"/>
      <c r="F31" s="232"/>
      <c r="G31" s="233"/>
      <c r="H31" s="234"/>
      <c r="I31" s="235" t="s">
        <v>148</v>
      </c>
      <c r="J31" s="236"/>
      <c r="K31" s="236"/>
      <c r="L31" s="236" t="s">
        <v>150</v>
      </c>
      <c r="M31" s="396"/>
      <c r="N31" s="396"/>
      <c r="O31" s="396"/>
      <c r="P31" s="396"/>
      <c r="Q31" s="396"/>
      <c r="R31" s="396"/>
      <c r="S31" s="396"/>
      <c r="T31" s="396"/>
      <c r="U31" s="396"/>
      <c r="V31" s="396"/>
      <c r="W31" s="237" t="s">
        <v>151</v>
      </c>
      <c r="X31" s="234"/>
      <c r="Y31" s="252" t="s">
        <v>148</v>
      </c>
      <c r="Z31" s="259"/>
      <c r="AA31" s="259"/>
      <c r="AB31" s="259" t="s">
        <v>150</v>
      </c>
      <c r="AC31" s="396"/>
      <c r="AD31" s="396"/>
      <c r="AE31" s="396"/>
      <c r="AF31" s="396"/>
      <c r="AG31" s="396"/>
      <c r="AH31" s="396"/>
      <c r="AI31" s="396"/>
      <c r="AJ31" s="396"/>
      <c r="AK31" s="396"/>
      <c r="AL31" s="396"/>
      <c r="AM31" s="396"/>
      <c r="AN31" s="396"/>
      <c r="AO31" s="396"/>
      <c r="AP31" s="396"/>
      <c r="AQ31" s="396"/>
      <c r="AR31" s="396"/>
      <c r="AS31" s="396"/>
      <c r="AT31" s="396"/>
      <c r="AU31" s="396"/>
      <c r="AV31" s="396"/>
      <c r="AW31" s="396"/>
      <c r="AX31" s="396"/>
      <c r="AY31" s="396"/>
      <c r="AZ31" s="396"/>
      <c r="BA31" s="396"/>
      <c r="BB31" s="396"/>
      <c r="BC31" s="396"/>
      <c r="BD31" s="396"/>
      <c r="BE31" s="396"/>
      <c r="BF31" s="396"/>
      <c r="BG31" s="396"/>
      <c r="BH31" s="396"/>
      <c r="BI31" s="261" t="s">
        <v>151</v>
      </c>
    </row>
    <row r="32" spans="1:61">
      <c r="A32" s="263"/>
      <c r="B32" s="264"/>
      <c r="C32" s="264"/>
      <c r="D32" s="264"/>
      <c r="E32" s="264"/>
      <c r="F32" s="264"/>
      <c r="G32" s="265"/>
      <c r="H32" s="245"/>
      <c r="I32" s="242"/>
      <c r="J32" s="243"/>
      <c r="K32" s="243"/>
      <c r="L32" s="243"/>
      <c r="M32" s="243"/>
      <c r="N32" s="243"/>
      <c r="O32" s="243"/>
      <c r="P32" s="243"/>
      <c r="Q32" s="243"/>
      <c r="R32" s="243"/>
      <c r="S32" s="243"/>
      <c r="T32" s="243"/>
      <c r="U32" s="243"/>
      <c r="V32" s="243"/>
      <c r="W32" s="244"/>
      <c r="X32" s="245"/>
      <c r="Y32" s="266"/>
      <c r="Z32" s="264"/>
      <c r="AA32" s="264"/>
      <c r="AB32" s="264"/>
      <c r="AC32" s="264"/>
      <c r="AD32" s="264"/>
      <c r="AE32" s="264"/>
      <c r="AF32" s="264"/>
      <c r="AG32" s="264"/>
      <c r="AH32" s="264"/>
      <c r="AI32" s="264"/>
      <c r="AJ32" s="264"/>
      <c r="AK32" s="264"/>
      <c r="AL32" s="264"/>
      <c r="AM32" s="264"/>
      <c r="AN32" s="264"/>
      <c r="AO32" s="264"/>
      <c r="AP32" s="264"/>
      <c r="AQ32" s="264"/>
      <c r="AR32" s="264"/>
      <c r="AS32" s="264"/>
      <c r="AT32" s="264"/>
      <c r="AU32" s="264"/>
      <c r="AV32" s="264"/>
      <c r="AW32" s="264"/>
      <c r="AX32" s="264"/>
      <c r="AY32" s="264"/>
      <c r="AZ32" s="264"/>
      <c r="BA32" s="264"/>
      <c r="BB32" s="264"/>
      <c r="BC32" s="264"/>
      <c r="BD32" s="264"/>
      <c r="BE32" s="264"/>
      <c r="BF32" s="264"/>
      <c r="BG32" s="264"/>
      <c r="BH32" s="264"/>
      <c r="BI32" s="265"/>
    </row>
    <row r="33" spans="1:61">
      <c r="A33" s="401" t="s">
        <v>179</v>
      </c>
      <c r="B33" s="402"/>
      <c r="C33" s="402"/>
      <c r="D33" s="402"/>
      <c r="E33" s="402"/>
      <c r="F33" s="402"/>
      <c r="G33" s="403"/>
      <c r="H33" s="227"/>
      <c r="I33" s="228" t="s">
        <v>180</v>
      </c>
      <c r="J33" s="229"/>
      <c r="K33" s="229"/>
      <c r="L33" s="229"/>
      <c r="M33" s="229"/>
      <c r="N33" s="229"/>
      <c r="O33" s="229"/>
      <c r="P33" s="229"/>
      <c r="Q33" s="229"/>
      <c r="R33" s="229"/>
      <c r="S33" s="229"/>
      <c r="T33" s="229"/>
      <c r="U33" s="229"/>
      <c r="V33" s="229"/>
      <c r="W33" s="230"/>
      <c r="X33" s="227"/>
      <c r="Y33" s="254" t="s">
        <v>181</v>
      </c>
      <c r="Z33" s="255"/>
      <c r="AA33" s="255"/>
      <c r="AB33" s="255"/>
      <c r="AC33" s="255"/>
      <c r="AD33" s="255"/>
      <c r="AE33" s="255"/>
      <c r="AF33" s="255"/>
      <c r="AG33" s="255"/>
      <c r="AH33" s="255"/>
      <c r="AI33" s="255"/>
      <c r="AJ33" s="255"/>
      <c r="AK33" s="255"/>
      <c r="AL33" s="255"/>
      <c r="AM33" s="255"/>
      <c r="AN33" s="255"/>
      <c r="AO33" s="255"/>
      <c r="AP33" s="255"/>
      <c r="AQ33" s="255"/>
      <c r="AR33" s="255"/>
      <c r="AS33" s="255"/>
      <c r="AT33" s="255"/>
      <c r="AU33" s="255"/>
      <c r="AV33" s="255"/>
      <c r="AW33" s="255"/>
      <c r="AX33" s="255"/>
      <c r="AY33" s="255"/>
      <c r="AZ33" s="255"/>
      <c r="BA33" s="255"/>
      <c r="BB33" s="255"/>
      <c r="BC33" s="255"/>
      <c r="BD33" s="255"/>
      <c r="BE33" s="255"/>
      <c r="BF33" s="255"/>
      <c r="BG33" s="255"/>
      <c r="BH33" s="255"/>
      <c r="BI33" s="257"/>
    </row>
    <row r="34" spans="1:61">
      <c r="A34" s="267"/>
      <c r="B34" s="259"/>
      <c r="C34" s="259"/>
      <c r="D34" s="259"/>
      <c r="E34" s="259"/>
      <c r="F34" s="259"/>
      <c r="G34" s="261"/>
      <c r="H34" s="234"/>
      <c r="I34" s="235"/>
      <c r="J34" s="236"/>
      <c r="K34" s="236"/>
      <c r="L34" s="236"/>
      <c r="M34" s="236"/>
      <c r="N34" s="236"/>
      <c r="O34" s="236"/>
      <c r="P34" s="236"/>
      <c r="Q34" s="236"/>
      <c r="R34" s="236"/>
      <c r="S34" s="236"/>
      <c r="T34" s="236"/>
      <c r="U34" s="236"/>
      <c r="V34" s="236"/>
      <c r="W34" s="237"/>
      <c r="X34" s="234"/>
      <c r="Y34" s="252"/>
      <c r="Z34" s="259" t="s">
        <v>182</v>
      </c>
      <c r="AA34" s="259"/>
      <c r="AB34" s="259"/>
      <c r="AC34" s="259"/>
      <c r="AD34" s="259" t="s">
        <v>183</v>
      </c>
      <c r="AE34" s="259"/>
      <c r="AF34" s="259"/>
      <c r="AG34" s="259"/>
      <c r="AH34" s="259" t="s">
        <v>184</v>
      </c>
      <c r="AI34" s="259"/>
      <c r="AJ34" s="259"/>
      <c r="AK34" s="259"/>
      <c r="AL34" s="259" t="s">
        <v>185</v>
      </c>
      <c r="AM34" s="259"/>
      <c r="AN34" s="259"/>
      <c r="AO34" s="259"/>
      <c r="AP34" s="259" t="s">
        <v>186</v>
      </c>
      <c r="AQ34" s="259"/>
      <c r="AR34" s="259"/>
      <c r="AS34" s="259"/>
      <c r="AT34" s="259"/>
      <c r="AU34" s="259" t="s">
        <v>148</v>
      </c>
      <c r="AV34" s="259"/>
      <c r="AW34" s="259"/>
      <c r="AX34" s="259" t="s">
        <v>150</v>
      </c>
      <c r="AY34" s="396"/>
      <c r="AZ34" s="396"/>
      <c r="BA34" s="396"/>
      <c r="BB34" s="396"/>
      <c r="BC34" s="396"/>
      <c r="BD34" s="396"/>
      <c r="BE34" s="396"/>
      <c r="BF34" s="396"/>
      <c r="BG34" s="396"/>
      <c r="BH34" s="396"/>
      <c r="BI34" s="261" t="s">
        <v>151</v>
      </c>
    </row>
    <row r="35" spans="1:61">
      <c r="A35" s="267"/>
      <c r="B35" s="259"/>
      <c r="C35" s="259"/>
      <c r="D35" s="259"/>
      <c r="E35" s="259"/>
      <c r="F35" s="259"/>
      <c r="G35" s="261"/>
      <c r="H35" s="234"/>
      <c r="I35" s="235"/>
      <c r="J35" s="236"/>
      <c r="K35" s="236"/>
      <c r="L35" s="236"/>
      <c r="M35" s="236"/>
      <c r="N35" s="236"/>
      <c r="O35" s="236"/>
      <c r="P35" s="236"/>
      <c r="Q35" s="236"/>
      <c r="R35" s="236"/>
      <c r="S35" s="236"/>
      <c r="T35" s="236"/>
      <c r="U35" s="236"/>
      <c r="V35" s="236"/>
      <c r="W35" s="237"/>
      <c r="X35" s="234"/>
      <c r="Y35" s="252" t="s">
        <v>157</v>
      </c>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61"/>
    </row>
    <row r="36" spans="1:61">
      <c r="A36" s="267"/>
      <c r="B36" s="259"/>
      <c r="C36" s="259"/>
      <c r="D36" s="259"/>
      <c r="E36" s="259"/>
      <c r="F36" s="259"/>
      <c r="G36" s="261"/>
      <c r="H36" s="234"/>
      <c r="I36" s="235"/>
      <c r="J36" s="236"/>
      <c r="K36" s="236"/>
      <c r="L36" s="236"/>
      <c r="M36" s="236"/>
      <c r="N36" s="236"/>
      <c r="O36" s="236"/>
      <c r="P36" s="236"/>
      <c r="Q36" s="236"/>
      <c r="R36" s="236"/>
      <c r="S36" s="236"/>
      <c r="T36" s="236"/>
      <c r="U36" s="236"/>
      <c r="V36" s="236"/>
      <c r="W36" s="237"/>
      <c r="X36" s="234"/>
      <c r="Y36" s="252"/>
      <c r="Z36" s="259" t="s">
        <v>187</v>
      </c>
      <c r="AA36" s="259"/>
      <c r="AB36" s="259"/>
      <c r="AC36" s="259"/>
      <c r="AD36" s="259"/>
      <c r="AE36" s="259" t="s">
        <v>150</v>
      </c>
      <c r="AF36" s="396"/>
      <c r="AG36" s="396"/>
      <c r="AH36" s="396"/>
      <c r="AI36" s="396"/>
      <c r="AJ36" s="396"/>
      <c r="AK36" s="396"/>
      <c r="AL36" s="259" t="s">
        <v>151</v>
      </c>
      <c r="AM36" s="259"/>
      <c r="AN36" s="259" t="s">
        <v>148</v>
      </c>
      <c r="AO36" s="259"/>
      <c r="AP36" s="259"/>
      <c r="AQ36" s="259" t="s">
        <v>150</v>
      </c>
      <c r="AR36" s="396"/>
      <c r="AS36" s="405"/>
      <c r="AT36" s="405"/>
      <c r="AU36" s="405"/>
      <c r="AV36" s="405"/>
      <c r="AW36" s="405"/>
      <c r="AX36" s="405"/>
      <c r="AY36" s="405"/>
      <c r="AZ36" s="405"/>
      <c r="BA36" s="405"/>
      <c r="BB36" s="405"/>
      <c r="BC36" s="405"/>
      <c r="BD36" s="259" t="s">
        <v>151</v>
      </c>
      <c r="BE36" s="259"/>
      <c r="BF36" s="259" t="s">
        <v>153</v>
      </c>
      <c r="BG36" s="259"/>
      <c r="BH36" s="259"/>
      <c r="BI36" s="261"/>
    </row>
    <row r="37" spans="1:61">
      <c r="A37" s="267"/>
      <c r="B37" s="259"/>
      <c r="C37" s="259"/>
      <c r="D37" s="259"/>
      <c r="E37" s="259"/>
      <c r="F37" s="259"/>
      <c r="G37" s="261"/>
      <c r="H37" s="234"/>
      <c r="I37" s="235" t="s">
        <v>188</v>
      </c>
      <c r="J37" s="236"/>
      <c r="K37" s="236"/>
      <c r="L37" s="236"/>
      <c r="M37" s="236"/>
      <c r="N37" s="236"/>
      <c r="O37" s="236"/>
      <c r="P37" s="236"/>
      <c r="Q37" s="236"/>
      <c r="R37" s="236"/>
      <c r="S37" s="236"/>
      <c r="T37" s="236"/>
      <c r="U37" s="236"/>
      <c r="V37" s="236"/>
      <c r="W37" s="237"/>
      <c r="X37" s="234"/>
      <c r="Y37" s="252" t="s">
        <v>189</v>
      </c>
      <c r="Z37" s="259"/>
      <c r="AA37" s="259"/>
      <c r="AB37" s="259"/>
      <c r="AC37" s="259"/>
      <c r="AD37" s="259"/>
      <c r="AE37" s="259"/>
      <c r="AF37" s="259"/>
      <c r="AG37" s="259"/>
      <c r="AH37" s="259"/>
      <c r="AI37" s="259"/>
      <c r="AJ37" s="259"/>
      <c r="AK37" s="259"/>
      <c r="AL37" s="259"/>
      <c r="AM37" s="259"/>
      <c r="AN37" s="259"/>
      <c r="AO37" s="259"/>
      <c r="AP37" s="259"/>
      <c r="AQ37" s="259"/>
      <c r="AR37" s="259"/>
      <c r="AS37" s="259"/>
      <c r="AT37" s="259"/>
      <c r="AU37" s="259"/>
      <c r="AV37" s="259"/>
      <c r="AW37" s="259"/>
      <c r="AX37" s="259"/>
      <c r="AY37" s="259"/>
      <c r="AZ37" s="259"/>
      <c r="BA37" s="259"/>
      <c r="BB37" s="259"/>
      <c r="BC37" s="259"/>
      <c r="BD37" s="259"/>
      <c r="BE37" s="259"/>
      <c r="BF37" s="259"/>
      <c r="BG37" s="259"/>
      <c r="BH37" s="259"/>
      <c r="BI37" s="261"/>
    </row>
    <row r="38" spans="1:61">
      <c r="A38" s="267"/>
      <c r="B38" s="259"/>
      <c r="C38" s="259"/>
      <c r="D38" s="259"/>
      <c r="E38" s="259"/>
      <c r="F38" s="259"/>
      <c r="G38" s="261"/>
      <c r="H38" s="234"/>
      <c r="I38" s="235"/>
      <c r="J38" s="236"/>
      <c r="K38" s="236"/>
      <c r="L38" s="236"/>
      <c r="M38" s="236"/>
      <c r="N38" s="236"/>
      <c r="O38" s="236"/>
      <c r="P38" s="236"/>
      <c r="Q38" s="236"/>
      <c r="R38" s="236"/>
      <c r="S38" s="236"/>
      <c r="T38" s="236"/>
      <c r="U38" s="236"/>
      <c r="V38" s="236"/>
      <c r="W38" s="237"/>
      <c r="X38" s="234"/>
      <c r="Y38" s="252"/>
      <c r="Z38" s="259" t="s">
        <v>190</v>
      </c>
      <c r="AA38" s="259"/>
      <c r="AB38" s="259"/>
      <c r="AC38" s="259"/>
      <c r="AD38" s="259"/>
      <c r="AE38" s="259" t="s">
        <v>191</v>
      </c>
      <c r="AF38" s="259"/>
      <c r="AG38" s="259"/>
      <c r="AH38" s="259"/>
      <c r="AI38" s="259"/>
      <c r="AJ38" s="259" t="s">
        <v>192</v>
      </c>
      <c r="AK38" s="259"/>
      <c r="AL38" s="259"/>
      <c r="AM38" s="259"/>
      <c r="AN38" s="259"/>
      <c r="AO38" s="259" t="s">
        <v>193</v>
      </c>
      <c r="AP38" s="259"/>
      <c r="AQ38" s="259"/>
      <c r="AR38" s="259"/>
      <c r="AS38" s="259"/>
      <c r="AT38" s="259"/>
      <c r="AU38" s="259"/>
      <c r="AV38" s="259"/>
      <c r="AW38" s="259"/>
      <c r="AX38" s="259"/>
      <c r="AY38" s="259"/>
      <c r="AZ38" s="259" t="s">
        <v>194</v>
      </c>
      <c r="BA38" s="259"/>
      <c r="BB38" s="259"/>
      <c r="BC38" s="259"/>
      <c r="BD38" s="259"/>
      <c r="BE38" s="259"/>
      <c r="BF38" s="259"/>
      <c r="BG38" s="259"/>
      <c r="BH38" s="259"/>
      <c r="BI38" s="261"/>
    </row>
    <row r="39" spans="1:61">
      <c r="A39" s="267"/>
      <c r="B39" s="259"/>
      <c r="C39" s="259"/>
      <c r="D39" s="259"/>
      <c r="E39" s="259"/>
      <c r="F39" s="259"/>
      <c r="G39" s="261"/>
      <c r="H39" s="234"/>
      <c r="I39" s="235"/>
      <c r="J39" s="236"/>
      <c r="K39" s="236"/>
      <c r="L39" s="236"/>
      <c r="M39" s="236"/>
      <c r="N39" s="236"/>
      <c r="O39" s="236"/>
      <c r="P39" s="236"/>
      <c r="Q39" s="236"/>
      <c r="R39" s="236"/>
      <c r="S39" s="236"/>
      <c r="T39" s="236"/>
      <c r="U39" s="236"/>
      <c r="V39" s="236"/>
      <c r="W39" s="237"/>
      <c r="X39" s="234"/>
      <c r="Y39" s="252"/>
      <c r="Z39" s="259" t="s">
        <v>195</v>
      </c>
      <c r="AA39" s="259"/>
      <c r="AB39" s="259"/>
      <c r="AC39" s="259"/>
      <c r="AD39" s="259"/>
      <c r="AE39" s="259"/>
      <c r="AF39" s="259"/>
      <c r="AG39" s="259"/>
      <c r="AH39" s="259"/>
      <c r="AI39" s="259" t="s">
        <v>148</v>
      </c>
      <c r="AJ39" s="259"/>
      <c r="AK39" s="259"/>
      <c r="AL39" s="259" t="s">
        <v>149</v>
      </c>
      <c r="AM39" s="396"/>
      <c r="AN39" s="396"/>
      <c r="AO39" s="396"/>
      <c r="AP39" s="396"/>
      <c r="AQ39" s="396"/>
      <c r="AR39" s="396"/>
      <c r="AS39" s="396"/>
      <c r="AT39" s="396"/>
      <c r="AU39" s="396"/>
      <c r="AV39" s="396"/>
      <c r="AW39" s="396"/>
      <c r="AX39" s="396"/>
      <c r="AY39" s="396"/>
      <c r="AZ39" s="396"/>
      <c r="BA39" s="396"/>
      <c r="BB39" s="396"/>
      <c r="BC39" s="396"/>
      <c r="BD39" s="259" t="s">
        <v>152</v>
      </c>
      <c r="BE39" s="259"/>
      <c r="BF39" s="259" t="s">
        <v>196</v>
      </c>
      <c r="BG39" s="259"/>
      <c r="BH39" s="259"/>
      <c r="BI39" s="261"/>
    </row>
    <row r="40" spans="1:61">
      <c r="A40" s="267"/>
      <c r="B40" s="259"/>
      <c r="C40" s="259"/>
      <c r="D40" s="259"/>
      <c r="E40" s="259"/>
      <c r="F40" s="259"/>
      <c r="G40" s="261"/>
      <c r="H40" s="234"/>
      <c r="I40" s="235"/>
      <c r="J40" s="236"/>
      <c r="K40" s="236"/>
      <c r="L40" s="236"/>
      <c r="M40" s="236"/>
      <c r="N40" s="236"/>
      <c r="O40" s="236"/>
      <c r="P40" s="236"/>
      <c r="Q40" s="236"/>
      <c r="R40" s="236"/>
      <c r="S40" s="236"/>
      <c r="T40" s="236"/>
      <c r="U40" s="236"/>
      <c r="V40" s="236"/>
      <c r="W40" s="237"/>
      <c r="X40" s="234"/>
      <c r="Y40" s="252" t="s">
        <v>197</v>
      </c>
      <c r="Z40" s="259"/>
      <c r="AA40" s="259"/>
      <c r="AB40" s="259"/>
      <c r="AC40" s="259"/>
      <c r="AD40" s="259"/>
      <c r="AE40" s="259"/>
      <c r="AF40" s="259"/>
      <c r="AG40" s="259"/>
      <c r="AH40" s="259"/>
      <c r="AI40" s="259"/>
      <c r="AJ40" s="259"/>
      <c r="AK40" s="259"/>
      <c r="AL40" s="259"/>
      <c r="AM40" s="259"/>
      <c r="AN40" s="259"/>
      <c r="AO40" s="259"/>
      <c r="AP40" s="259"/>
      <c r="AQ40" s="259"/>
      <c r="AR40" s="259"/>
      <c r="AS40" s="259"/>
      <c r="AT40" s="259"/>
      <c r="AU40" s="259"/>
      <c r="AV40" s="259"/>
      <c r="AW40" s="259"/>
      <c r="AX40" s="259"/>
      <c r="AY40" s="259"/>
      <c r="AZ40" s="259"/>
      <c r="BA40" s="259"/>
      <c r="BB40" s="259"/>
      <c r="BC40" s="259"/>
      <c r="BD40" s="259"/>
      <c r="BE40" s="259"/>
      <c r="BF40" s="259"/>
      <c r="BG40" s="259"/>
      <c r="BH40" s="259"/>
      <c r="BI40" s="261"/>
    </row>
    <row r="41" spans="1:61">
      <c r="A41" s="267"/>
      <c r="B41" s="259"/>
      <c r="C41" s="259"/>
      <c r="D41" s="259"/>
      <c r="E41" s="259"/>
      <c r="F41" s="259"/>
      <c r="G41" s="261"/>
      <c r="H41" s="234"/>
      <c r="I41" s="235"/>
      <c r="J41" s="236"/>
      <c r="K41" s="236"/>
      <c r="L41" s="236"/>
      <c r="M41" s="236"/>
      <c r="N41" s="236"/>
      <c r="O41" s="236"/>
      <c r="P41" s="236"/>
      <c r="Q41" s="236"/>
      <c r="R41" s="236"/>
      <c r="S41" s="236"/>
      <c r="T41" s="236"/>
      <c r="U41" s="236"/>
      <c r="V41" s="236"/>
      <c r="W41" s="237"/>
      <c r="X41" s="234"/>
      <c r="Y41" s="252"/>
      <c r="Z41" s="259" t="s">
        <v>198</v>
      </c>
      <c r="AA41" s="259"/>
      <c r="AB41" s="259"/>
      <c r="AC41" s="259"/>
      <c r="AD41" s="259"/>
      <c r="AE41" s="259"/>
      <c r="AF41" s="259" t="s">
        <v>148</v>
      </c>
      <c r="AG41" s="259"/>
      <c r="AH41" s="259"/>
      <c r="AI41" s="259" t="s">
        <v>150</v>
      </c>
      <c r="AJ41" s="396"/>
      <c r="AK41" s="396"/>
      <c r="AL41" s="396"/>
      <c r="AM41" s="396"/>
      <c r="AN41" s="396"/>
      <c r="AO41" s="396"/>
      <c r="AP41" s="396"/>
      <c r="AQ41" s="396"/>
      <c r="AR41" s="396"/>
      <c r="AS41" s="396"/>
      <c r="AT41" s="396"/>
      <c r="AU41" s="396"/>
      <c r="AV41" s="396"/>
      <c r="AW41" s="396"/>
      <c r="AX41" s="396"/>
      <c r="AY41" s="396"/>
      <c r="AZ41" s="396"/>
      <c r="BA41" s="396"/>
      <c r="BB41" s="396"/>
      <c r="BC41" s="396"/>
      <c r="BD41" s="259" t="s">
        <v>151</v>
      </c>
      <c r="BE41" s="259"/>
      <c r="BF41" s="259" t="s">
        <v>199</v>
      </c>
      <c r="BG41" s="259"/>
      <c r="BH41" s="259"/>
      <c r="BI41" s="261"/>
    </row>
    <row r="42" spans="1:61">
      <c r="A42" s="267"/>
      <c r="B42" s="259"/>
      <c r="C42" s="259"/>
      <c r="D42" s="259"/>
      <c r="E42" s="259"/>
      <c r="F42" s="259"/>
      <c r="G42" s="261"/>
      <c r="H42" s="234"/>
      <c r="I42" s="235" t="s">
        <v>148</v>
      </c>
      <c r="J42" s="236"/>
      <c r="K42" s="236"/>
      <c r="L42" s="236" t="s">
        <v>150</v>
      </c>
      <c r="M42" s="396"/>
      <c r="N42" s="396"/>
      <c r="O42" s="396"/>
      <c r="P42" s="396"/>
      <c r="Q42" s="396"/>
      <c r="R42" s="396"/>
      <c r="S42" s="396"/>
      <c r="T42" s="396"/>
      <c r="U42" s="396"/>
      <c r="V42" s="396"/>
      <c r="W42" s="237" t="s">
        <v>152</v>
      </c>
      <c r="X42" s="234"/>
      <c r="Y42" s="252" t="s">
        <v>148</v>
      </c>
      <c r="Z42" s="259"/>
      <c r="AA42" s="259"/>
      <c r="AB42" s="259" t="s">
        <v>150</v>
      </c>
      <c r="AC42" s="396"/>
      <c r="AD42" s="396"/>
      <c r="AE42" s="396"/>
      <c r="AF42" s="396"/>
      <c r="AG42" s="396"/>
      <c r="AH42" s="396"/>
      <c r="AI42" s="396"/>
      <c r="AJ42" s="396"/>
      <c r="AK42" s="396"/>
      <c r="AL42" s="396"/>
      <c r="AM42" s="396"/>
      <c r="AN42" s="396"/>
      <c r="AO42" s="396"/>
      <c r="AP42" s="396"/>
      <c r="AQ42" s="396"/>
      <c r="AR42" s="396"/>
      <c r="AS42" s="396"/>
      <c r="AT42" s="396"/>
      <c r="AU42" s="396"/>
      <c r="AV42" s="396"/>
      <c r="AW42" s="396"/>
      <c r="AX42" s="396"/>
      <c r="AY42" s="396"/>
      <c r="AZ42" s="396"/>
      <c r="BA42" s="396"/>
      <c r="BB42" s="396"/>
      <c r="BC42" s="396"/>
      <c r="BD42" s="396"/>
      <c r="BE42" s="396"/>
      <c r="BF42" s="396"/>
      <c r="BG42" s="396"/>
      <c r="BH42" s="396"/>
      <c r="BI42" s="261" t="s">
        <v>152</v>
      </c>
    </row>
    <row r="43" spans="1:61">
      <c r="A43" s="263"/>
      <c r="B43" s="264"/>
      <c r="C43" s="264"/>
      <c r="D43" s="264"/>
      <c r="E43" s="264"/>
      <c r="F43" s="264"/>
      <c r="G43" s="265"/>
      <c r="H43" s="245"/>
      <c r="I43" s="242"/>
      <c r="J43" s="243"/>
      <c r="K43" s="243"/>
      <c r="L43" s="243"/>
      <c r="M43" s="243"/>
      <c r="N43" s="243"/>
      <c r="O43" s="243"/>
      <c r="P43" s="243"/>
      <c r="Q43" s="243"/>
      <c r="R43" s="243"/>
      <c r="S43" s="243"/>
      <c r="T43" s="243"/>
      <c r="U43" s="243"/>
      <c r="V43" s="243"/>
      <c r="W43" s="244"/>
      <c r="X43" s="245"/>
      <c r="Y43" s="266"/>
      <c r="Z43" s="264"/>
      <c r="AA43" s="264"/>
      <c r="AB43" s="264"/>
      <c r="AC43" s="264"/>
      <c r="AD43" s="264"/>
      <c r="AE43" s="264"/>
      <c r="AF43" s="264"/>
      <c r="AG43" s="264"/>
      <c r="AH43" s="264"/>
      <c r="AI43" s="264"/>
      <c r="AJ43" s="264"/>
      <c r="AK43" s="264"/>
      <c r="AL43" s="264"/>
      <c r="AM43" s="264"/>
      <c r="AN43" s="264"/>
      <c r="AO43" s="264"/>
      <c r="AP43" s="264"/>
      <c r="AQ43" s="264"/>
      <c r="AR43" s="264"/>
      <c r="AS43" s="264"/>
      <c r="AT43" s="264"/>
      <c r="AU43" s="264"/>
      <c r="AV43" s="264"/>
      <c r="AW43" s="264"/>
      <c r="AX43" s="264"/>
      <c r="AY43" s="264"/>
      <c r="AZ43" s="264"/>
      <c r="BA43" s="264"/>
      <c r="BB43" s="264"/>
      <c r="BC43" s="264"/>
      <c r="BD43" s="264"/>
      <c r="BE43" s="264"/>
      <c r="BF43" s="264"/>
      <c r="BG43" s="264"/>
      <c r="BH43" s="264"/>
      <c r="BI43" s="265"/>
    </row>
    <row r="44" spans="1:61" ht="15" customHeight="1">
      <c r="A44" s="401" t="s">
        <v>200</v>
      </c>
      <c r="B44" s="402"/>
      <c r="C44" s="402"/>
      <c r="D44" s="402"/>
      <c r="E44" s="402"/>
      <c r="F44" s="402"/>
      <c r="G44" s="403"/>
      <c r="H44" s="227"/>
      <c r="I44" s="228" t="s">
        <v>201</v>
      </c>
      <c r="J44" s="229"/>
      <c r="K44" s="229"/>
      <c r="L44" s="229"/>
      <c r="M44" s="229"/>
      <c r="N44" s="229"/>
      <c r="O44" s="229"/>
      <c r="P44" s="229"/>
      <c r="Q44" s="229"/>
      <c r="R44" s="229"/>
      <c r="S44" s="229"/>
      <c r="T44" s="229"/>
      <c r="U44" s="229"/>
      <c r="V44" s="229"/>
      <c r="W44" s="229"/>
      <c r="X44" s="268"/>
      <c r="Y44" s="255" t="s">
        <v>202</v>
      </c>
      <c r="Z44" s="255"/>
      <c r="AA44" s="255"/>
      <c r="AB44" s="255"/>
      <c r="AC44" s="255"/>
      <c r="AD44" s="255"/>
      <c r="AE44" s="255"/>
      <c r="AF44" s="255"/>
      <c r="AG44" s="255"/>
      <c r="AH44" s="255"/>
      <c r="AI44" s="255"/>
      <c r="AJ44" s="255"/>
      <c r="AK44" s="255"/>
      <c r="AL44" s="255"/>
      <c r="AM44" s="255"/>
      <c r="AN44" s="255"/>
      <c r="AO44" s="255"/>
      <c r="AP44" s="255"/>
      <c r="AQ44" s="255"/>
      <c r="AR44" s="255"/>
      <c r="AS44" s="255"/>
      <c r="AT44" s="255"/>
      <c r="AU44" s="255"/>
      <c r="AV44" s="255"/>
      <c r="AW44" s="255"/>
      <c r="AX44" s="255"/>
      <c r="AY44" s="255"/>
      <c r="AZ44" s="255"/>
      <c r="BA44" s="255"/>
      <c r="BB44" s="255"/>
      <c r="BC44" s="255"/>
      <c r="BD44" s="255"/>
      <c r="BE44" s="255"/>
      <c r="BF44" s="255"/>
      <c r="BG44" s="255"/>
      <c r="BH44" s="255"/>
      <c r="BI44" s="257"/>
    </row>
    <row r="45" spans="1:61">
      <c r="A45" s="231"/>
      <c r="B45" s="232"/>
      <c r="C45" s="232"/>
      <c r="D45" s="232"/>
      <c r="E45" s="232"/>
      <c r="F45" s="232"/>
      <c r="G45" s="233"/>
      <c r="H45" s="234"/>
      <c r="I45" s="235"/>
      <c r="J45" s="236"/>
      <c r="K45" s="236"/>
      <c r="L45" s="236"/>
      <c r="M45" s="236"/>
      <c r="N45" s="236"/>
      <c r="O45" s="236"/>
      <c r="P45" s="236"/>
      <c r="Q45" s="236"/>
      <c r="R45" s="236"/>
      <c r="S45" s="236"/>
      <c r="T45" s="236"/>
      <c r="U45" s="236"/>
      <c r="V45" s="236"/>
      <c r="W45" s="236"/>
      <c r="X45" s="269"/>
      <c r="Y45" s="259"/>
      <c r="Z45" s="259" t="s">
        <v>203</v>
      </c>
      <c r="AA45" s="259"/>
      <c r="AB45" s="259"/>
      <c r="AC45" s="259"/>
      <c r="AD45" s="259"/>
      <c r="AE45" s="259"/>
      <c r="AF45" s="259" t="s">
        <v>148</v>
      </c>
      <c r="AG45" s="259"/>
      <c r="AH45" s="259"/>
      <c r="AI45" s="259" t="s">
        <v>204</v>
      </c>
      <c r="AJ45" s="396"/>
      <c r="AK45" s="405"/>
      <c r="AL45" s="405"/>
      <c r="AM45" s="405"/>
      <c r="AN45" s="405"/>
      <c r="AO45" s="405"/>
      <c r="AP45" s="405"/>
      <c r="AQ45" s="405"/>
      <c r="AR45" s="405"/>
      <c r="AS45" s="405"/>
      <c r="AT45" s="405"/>
      <c r="AU45" s="405"/>
      <c r="AV45" s="405"/>
      <c r="AW45" s="405"/>
      <c r="AX45" s="405"/>
      <c r="AY45" s="405"/>
      <c r="AZ45" s="405"/>
      <c r="BA45" s="405"/>
      <c r="BB45" s="405"/>
      <c r="BC45" s="405"/>
      <c r="BD45" s="259" t="s">
        <v>152</v>
      </c>
      <c r="BE45" s="259"/>
      <c r="BF45" s="259" t="s">
        <v>153</v>
      </c>
      <c r="BG45" s="259"/>
      <c r="BH45" s="259"/>
      <c r="BI45" s="261"/>
    </row>
    <row r="46" spans="1:61">
      <c r="A46" s="231"/>
      <c r="B46" s="232"/>
      <c r="C46" s="232"/>
      <c r="D46" s="232"/>
      <c r="E46" s="232"/>
      <c r="F46" s="232"/>
      <c r="G46" s="233"/>
      <c r="H46" s="234"/>
      <c r="I46" s="235"/>
      <c r="J46" s="236"/>
      <c r="K46" s="236"/>
      <c r="L46" s="236"/>
      <c r="M46" s="236"/>
      <c r="N46" s="236"/>
      <c r="O46" s="236"/>
      <c r="P46" s="236"/>
      <c r="Q46" s="236"/>
      <c r="R46" s="236"/>
      <c r="S46" s="236"/>
      <c r="T46" s="236"/>
      <c r="U46" s="236"/>
      <c r="V46" s="236"/>
      <c r="W46" s="236"/>
      <c r="X46" s="269"/>
      <c r="Y46" s="259" t="s">
        <v>205</v>
      </c>
      <c r="Z46" s="259"/>
      <c r="AA46" s="259"/>
      <c r="AB46" s="259"/>
      <c r="AC46" s="259"/>
      <c r="AD46" s="259"/>
      <c r="AE46" s="259"/>
      <c r="AF46" s="259"/>
      <c r="AG46" s="259"/>
      <c r="AH46" s="259"/>
      <c r="AI46" s="259"/>
      <c r="AJ46" s="259"/>
      <c r="AK46" s="259"/>
      <c r="AL46" s="259"/>
      <c r="AM46" s="259"/>
      <c r="AN46" s="259"/>
      <c r="AO46" s="259"/>
      <c r="AP46" s="259"/>
      <c r="AQ46" s="259"/>
      <c r="AR46" s="259"/>
      <c r="AS46" s="259"/>
      <c r="AT46" s="259"/>
      <c r="AU46" s="259"/>
      <c r="AV46" s="259"/>
      <c r="AW46" s="259"/>
      <c r="AX46" s="259"/>
      <c r="AY46" s="259"/>
      <c r="AZ46" s="259"/>
      <c r="BA46" s="259"/>
      <c r="BB46" s="259"/>
      <c r="BC46" s="259"/>
      <c r="BD46" s="259"/>
      <c r="BE46" s="259"/>
      <c r="BF46" s="259"/>
      <c r="BG46" s="259"/>
      <c r="BH46" s="259"/>
      <c r="BI46" s="261"/>
    </row>
    <row r="47" spans="1:61">
      <c r="A47" s="231"/>
      <c r="B47" s="232"/>
      <c r="C47" s="232"/>
      <c r="D47" s="232"/>
      <c r="E47" s="232"/>
      <c r="F47" s="232"/>
      <c r="G47" s="233"/>
      <c r="H47" s="234"/>
      <c r="I47" s="235"/>
      <c r="J47" s="236"/>
      <c r="K47" s="236"/>
      <c r="L47" s="236"/>
      <c r="M47" s="236"/>
      <c r="N47" s="236"/>
      <c r="O47" s="236"/>
      <c r="P47" s="236"/>
      <c r="Q47" s="236"/>
      <c r="R47" s="236"/>
      <c r="S47" s="236"/>
      <c r="T47" s="236"/>
      <c r="U47" s="236"/>
      <c r="V47" s="236"/>
      <c r="W47" s="236"/>
      <c r="X47" s="269"/>
      <c r="Y47" s="259"/>
      <c r="Z47" s="259" t="s">
        <v>203</v>
      </c>
      <c r="AA47" s="259"/>
      <c r="AB47" s="259"/>
      <c r="AC47" s="259"/>
      <c r="AD47" s="259"/>
      <c r="AE47" s="259"/>
      <c r="AF47" s="259" t="s">
        <v>148</v>
      </c>
      <c r="AG47" s="259"/>
      <c r="AH47" s="259"/>
      <c r="AI47" s="259" t="s">
        <v>204</v>
      </c>
      <c r="AJ47" s="396"/>
      <c r="AK47" s="405"/>
      <c r="AL47" s="405"/>
      <c r="AM47" s="405"/>
      <c r="AN47" s="405"/>
      <c r="AO47" s="405"/>
      <c r="AP47" s="405"/>
      <c r="AQ47" s="405"/>
      <c r="AR47" s="405"/>
      <c r="AS47" s="405"/>
      <c r="AT47" s="405"/>
      <c r="AU47" s="405"/>
      <c r="AV47" s="405"/>
      <c r="AW47" s="405"/>
      <c r="AX47" s="259" t="s">
        <v>206</v>
      </c>
      <c r="AY47" s="259"/>
      <c r="AZ47" s="259" t="s">
        <v>153</v>
      </c>
      <c r="BB47" s="259"/>
      <c r="BC47" s="259"/>
      <c r="BD47" s="259"/>
      <c r="BE47" s="259" t="s">
        <v>207</v>
      </c>
      <c r="BG47" s="259"/>
      <c r="BH47" s="259"/>
      <c r="BI47" s="261"/>
    </row>
    <row r="48" spans="1:61">
      <c r="A48" s="231"/>
      <c r="B48" s="232"/>
      <c r="C48" s="232"/>
      <c r="D48" s="232"/>
      <c r="E48" s="232"/>
      <c r="F48" s="232"/>
      <c r="G48" s="233"/>
      <c r="H48" s="234"/>
      <c r="I48" s="235"/>
      <c r="J48" s="236"/>
      <c r="K48" s="236"/>
      <c r="L48" s="236"/>
      <c r="M48" s="236"/>
      <c r="N48" s="236"/>
      <c r="O48" s="236"/>
      <c r="P48" s="236"/>
      <c r="Q48" s="236"/>
      <c r="R48" s="236"/>
      <c r="S48" s="236"/>
      <c r="T48" s="236"/>
      <c r="U48" s="236"/>
      <c r="V48" s="236"/>
      <c r="W48" s="236"/>
      <c r="X48" s="269"/>
      <c r="Y48" s="259"/>
      <c r="Z48" s="259" t="s">
        <v>208</v>
      </c>
      <c r="AA48" s="259"/>
      <c r="AB48" s="259"/>
      <c r="AC48" s="259"/>
      <c r="AD48" s="259"/>
      <c r="AE48" s="259" t="s">
        <v>204</v>
      </c>
      <c r="AF48" s="396"/>
      <c r="AG48" s="396"/>
      <c r="AH48" s="396"/>
      <c r="AI48" s="259" t="s">
        <v>209</v>
      </c>
      <c r="AK48" s="259"/>
      <c r="AL48" s="259"/>
      <c r="AM48" s="259"/>
      <c r="AN48" s="259"/>
      <c r="AO48" s="259"/>
      <c r="AP48" s="259"/>
      <c r="AQ48" s="259"/>
      <c r="AR48" s="259"/>
      <c r="AS48" s="259"/>
      <c r="AT48" s="259"/>
      <c r="AU48" s="259"/>
      <c r="AV48" s="259"/>
      <c r="AW48" s="259"/>
      <c r="AX48" s="259"/>
      <c r="AY48" s="259"/>
      <c r="AZ48" s="259"/>
      <c r="BA48" s="259"/>
      <c r="BB48" s="259"/>
      <c r="BC48" s="259"/>
      <c r="BD48" s="259"/>
      <c r="BE48" s="259"/>
      <c r="BF48" s="259"/>
      <c r="BG48" s="259"/>
      <c r="BH48" s="259"/>
      <c r="BI48" s="261"/>
    </row>
    <row r="49" spans="1:61">
      <c r="A49" s="231"/>
      <c r="B49" s="232"/>
      <c r="C49" s="232"/>
      <c r="D49" s="232"/>
      <c r="E49" s="232"/>
      <c r="F49" s="232"/>
      <c r="G49" s="233"/>
      <c r="H49" s="234"/>
      <c r="I49" s="235"/>
      <c r="J49" s="236"/>
      <c r="K49" s="236"/>
      <c r="L49" s="236"/>
      <c r="M49" s="236"/>
      <c r="N49" s="236"/>
      <c r="O49" s="236"/>
      <c r="P49" s="236"/>
      <c r="Q49" s="236"/>
      <c r="R49" s="236"/>
      <c r="S49" s="236"/>
      <c r="T49" s="236"/>
      <c r="U49" s="236"/>
      <c r="V49" s="236"/>
      <c r="W49" s="236"/>
      <c r="X49" s="269"/>
      <c r="Y49" s="259"/>
      <c r="Z49" s="259" t="s">
        <v>210</v>
      </c>
      <c r="AA49" s="259"/>
      <c r="AB49" s="259"/>
      <c r="AC49" s="259"/>
      <c r="AD49" s="259"/>
      <c r="AE49" s="259"/>
      <c r="AF49" s="259"/>
      <c r="AG49" s="259"/>
      <c r="AH49" s="259"/>
      <c r="AI49" s="259"/>
      <c r="AJ49" s="259"/>
      <c r="AK49" s="259"/>
      <c r="AL49" s="259"/>
      <c r="AM49" s="259"/>
      <c r="AN49" s="259"/>
      <c r="AO49" s="259"/>
      <c r="AP49" s="259"/>
      <c r="AQ49" s="259"/>
      <c r="AR49" s="259"/>
      <c r="AS49" s="259"/>
      <c r="AT49" s="259"/>
      <c r="AU49" s="259"/>
      <c r="AV49" s="259"/>
      <c r="AW49" s="259"/>
      <c r="AX49" s="259"/>
      <c r="AY49" s="259"/>
      <c r="AZ49" s="259"/>
      <c r="BA49" s="259"/>
      <c r="BB49" s="259"/>
      <c r="BC49" s="259"/>
      <c r="BD49" s="259"/>
      <c r="BE49" s="259"/>
      <c r="BF49" s="259"/>
      <c r="BG49" s="259"/>
      <c r="BH49" s="259"/>
      <c r="BI49" s="261"/>
    </row>
    <row r="50" spans="1:61">
      <c r="A50" s="231"/>
      <c r="B50" s="232"/>
      <c r="C50" s="232"/>
      <c r="D50" s="232"/>
      <c r="E50" s="232"/>
      <c r="F50" s="232"/>
      <c r="G50" s="233"/>
      <c r="H50" s="234"/>
      <c r="I50" s="235"/>
      <c r="J50" s="236"/>
      <c r="K50" s="236"/>
      <c r="L50" s="236"/>
      <c r="M50" s="236"/>
      <c r="N50" s="236"/>
      <c r="O50" s="236"/>
      <c r="P50" s="236"/>
      <c r="Q50" s="236"/>
      <c r="R50" s="236"/>
      <c r="S50" s="236"/>
      <c r="T50" s="236"/>
      <c r="U50" s="236"/>
      <c r="V50" s="236"/>
      <c r="W50" s="236"/>
      <c r="X50" s="269"/>
      <c r="Y50" s="259"/>
      <c r="Z50" s="259" t="s">
        <v>211</v>
      </c>
      <c r="AA50" s="259"/>
      <c r="AB50" s="259"/>
      <c r="AC50" s="259"/>
      <c r="AD50" s="259"/>
      <c r="AE50" s="259"/>
      <c r="AF50" s="259"/>
      <c r="AG50" s="259"/>
      <c r="AH50" s="259"/>
      <c r="AI50" s="259"/>
      <c r="AJ50" s="259"/>
      <c r="AK50" s="259"/>
      <c r="AL50" s="259"/>
      <c r="AM50" s="259"/>
      <c r="AN50" s="259"/>
      <c r="AO50" s="259"/>
      <c r="AP50" s="259"/>
      <c r="AQ50" s="259"/>
      <c r="AR50" s="259"/>
      <c r="AS50" s="259"/>
      <c r="AT50" s="259"/>
      <c r="AU50" s="259"/>
      <c r="AV50" s="259"/>
      <c r="AW50" s="259"/>
      <c r="AX50" s="259"/>
      <c r="AY50" s="259"/>
      <c r="AZ50" s="259"/>
      <c r="BA50" s="259"/>
      <c r="BB50" s="259"/>
      <c r="BC50" s="259"/>
      <c r="BD50" s="259"/>
      <c r="BE50" s="259"/>
      <c r="BF50" s="259"/>
      <c r="BG50" s="259"/>
      <c r="BH50" s="259"/>
      <c r="BI50" s="261"/>
    </row>
    <row r="51" spans="1:61">
      <c r="A51" s="231"/>
      <c r="B51" s="232"/>
      <c r="C51" s="232"/>
      <c r="D51" s="232"/>
      <c r="E51" s="232"/>
      <c r="F51" s="232"/>
      <c r="G51" s="233"/>
      <c r="H51" s="234"/>
      <c r="I51" s="235"/>
      <c r="J51" s="236"/>
      <c r="K51" s="236"/>
      <c r="L51" s="236"/>
      <c r="M51" s="236"/>
      <c r="N51" s="236"/>
      <c r="O51" s="236"/>
      <c r="P51" s="236"/>
      <c r="Q51" s="236"/>
      <c r="R51" s="236"/>
      <c r="S51" s="236"/>
      <c r="T51" s="236"/>
      <c r="U51" s="236"/>
      <c r="V51" s="236"/>
      <c r="W51" s="236"/>
      <c r="X51" s="269"/>
      <c r="Y51" s="259"/>
      <c r="Z51" s="259"/>
      <c r="AA51" s="259"/>
      <c r="AB51" s="259"/>
      <c r="AC51" s="259"/>
      <c r="AD51" s="259"/>
      <c r="AE51" s="259"/>
      <c r="AF51" s="259"/>
      <c r="AG51" s="259"/>
      <c r="AH51" s="259"/>
      <c r="AI51" s="259"/>
      <c r="AJ51" s="259"/>
      <c r="AK51" s="259"/>
      <c r="AL51" s="259"/>
      <c r="AM51" s="259"/>
      <c r="AN51" s="259"/>
      <c r="AO51" s="259"/>
      <c r="AP51" s="259"/>
      <c r="AQ51" s="259"/>
      <c r="AR51" s="259"/>
      <c r="AS51" s="259"/>
      <c r="AT51" s="259"/>
      <c r="AU51" s="259"/>
      <c r="AV51" s="259"/>
      <c r="AW51" s="259"/>
      <c r="AX51" s="259"/>
      <c r="AY51" s="259"/>
      <c r="AZ51" s="259"/>
      <c r="BA51" s="259"/>
      <c r="BB51" s="259"/>
      <c r="BC51" s="259"/>
      <c r="BD51" s="259"/>
      <c r="BE51" s="259"/>
      <c r="BF51" s="259"/>
      <c r="BG51" s="259"/>
      <c r="BH51" s="259"/>
      <c r="BI51" s="261"/>
    </row>
    <row r="52" spans="1:61">
      <c r="A52" s="231"/>
      <c r="B52" s="232"/>
      <c r="C52" s="232"/>
      <c r="D52" s="232"/>
      <c r="E52" s="232"/>
      <c r="F52" s="232"/>
      <c r="G52" s="233"/>
      <c r="H52" s="234"/>
      <c r="I52" s="235" t="s">
        <v>212</v>
      </c>
      <c r="J52" s="236"/>
      <c r="K52" s="236"/>
      <c r="L52" s="236"/>
      <c r="M52" s="236"/>
      <c r="N52" s="236"/>
      <c r="O52" s="236"/>
      <c r="P52" s="236"/>
      <c r="Q52" s="236"/>
      <c r="R52" s="236"/>
      <c r="S52" s="236"/>
      <c r="T52" s="236"/>
      <c r="U52" s="236"/>
      <c r="V52" s="236"/>
      <c r="W52" s="236"/>
      <c r="X52" s="269"/>
      <c r="Y52" s="259" t="s">
        <v>213</v>
      </c>
      <c r="Z52" s="259"/>
      <c r="AA52" s="259"/>
      <c r="AB52" s="259"/>
      <c r="AC52" s="259"/>
      <c r="AD52" s="259"/>
      <c r="AE52" s="259"/>
      <c r="AF52" s="259"/>
      <c r="AG52" s="259"/>
      <c r="AH52" s="259"/>
      <c r="AI52" s="259"/>
      <c r="AJ52" s="259"/>
      <c r="AK52" s="259"/>
      <c r="AL52" s="259"/>
      <c r="AM52" s="259"/>
      <c r="AN52" s="259"/>
      <c r="AO52" s="259"/>
      <c r="AP52" s="259"/>
      <c r="AQ52" s="259"/>
      <c r="AR52" s="259"/>
      <c r="AS52" s="259"/>
      <c r="AT52" s="259"/>
      <c r="AU52" s="259"/>
      <c r="AV52" s="259"/>
      <c r="AW52" s="259"/>
      <c r="AX52" s="259"/>
      <c r="AY52" s="259"/>
      <c r="AZ52" s="259"/>
      <c r="BA52" s="259"/>
      <c r="BB52" s="259"/>
      <c r="BC52" s="259"/>
      <c r="BD52" s="259"/>
      <c r="BE52" s="259"/>
      <c r="BF52" s="259"/>
      <c r="BG52" s="259"/>
      <c r="BH52" s="259"/>
      <c r="BI52" s="261"/>
    </row>
    <row r="53" spans="1:61">
      <c r="A53" s="231"/>
      <c r="B53" s="232"/>
      <c r="C53" s="232"/>
      <c r="D53" s="232"/>
      <c r="E53" s="232"/>
      <c r="F53" s="232"/>
      <c r="G53" s="233"/>
      <c r="H53" s="234"/>
      <c r="I53" s="235"/>
      <c r="J53" s="236"/>
      <c r="K53" s="236"/>
      <c r="L53" s="236"/>
      <c r="M53" s="236"/>
      <c r="N53" s="236"/>
      <c r="O53" s="236"/>
      <c r="P53" s="236"/>
      <c r="Q53" s="236"/>
      <c r="R53" s="236"/>
      <c r="S53" s="236"/>
      <c r="T53" s="236"/>
      <c r="U53" s="236"/>
      <c r="V53" s="236"/>
      <c r="W53" s="236"/>
      <c r="X53" s="269"/>
      <c r="Y53" s="259" t="s">
        <v>214</v>
      </c>
      <c r="Z53" s="259"/>
      <c r="AA53" s="259"/>
      <c r="AB53" s="259"/>
      <c r="AC53" s="259"/>
      <c r="AD53" s="259"/>
      <c r="AE53" s="259"/>
      <c r="AF53" s="259"/>
      <c r="AG53" s="259"/>
      <c r="AH53" s="259"/>
      <c r="AI53" s="259"/>
      <c r="AJ53" s="259"/>
      <c r="AK53" s="259"/>
      <c r="AL53" s="259"/>
      <c r="AM53" s="259"/>
      <c r="AN53" s="259"/>
      <c r="AO53" s="259"/>
      <c r="AP53" s="259"/>
      <c r="AQ53" s="259"/>
      <c r="AR53" s="259"/>
      <c r="AS53" s="259"/>
      <c r="AT53" s="259"/>
      <c r="AU53" s="259"/>
      <c r="AV53" s="259"/>
      <c r="AW53" s="259"/>
      <c r="AX53" s="259"/>
      <c r="AY53" s="259"/>
      <c r="AZ53" s="259"/>
      <c r="BA53" s="259"/>
      <c r="BB53" s="259"/>
      <c r="BC53" s="259"/>
      <c r="BD53" s="259"/>
      <c r="BE53" s="259"/>
      <c r="BF53" s="259"/>
      <c r="BG53" s="259"/>
      <c r="BH53" s="259"/>
      <c r="BI53" s="261"/>
    </row>
    <row r="54" spans="1:61">
      <c r="A54" s="231"/>
      <c r="B54" s="232"/>
      <c r="C54" s="232"/>
      <c r="D54" s="232"/>
      <c r="E54" s="232"/>
      <c r="F54" s="232"/>
      <c r="G54" s="233"/>
      <c r="H54" s="234"/>
      <c r="I54" s="235"/>
      <c r="J54" s="236"/>
      <c r="K54" s="236"/>
      <c r="L54" s="236"/>
      <c r="M54" s="236"/>
      <c r="N54" s="236"/>
      <c r="O54" s="236"/>
      <c r="P54" s="236"/>
      <c r="Q54" s="236"/>
      <c r="R54" s="236"/>
      <c r="S54" s="236"/>
      <c r="T54" s="236"/>
      <c r="U54" s="236"/>
      <c r="V54" s="236"/>
      <c r="W54" s="236"/>
      <c r="X54" s="269"/>
      <c r="Y54" s="259" t="s">
        <v>215</v>
      </c>
      <c r="Z54" s="259"/>
      <c r="AA54" s="259"/>
      <c r="AB54" s="259"/>
      <c r="AC54" s="259"/>
      <c r="AD54" s="259"/>
      <c r="AE54" s="259"/>
      <c r="AF54" s="259"/>
      <c r="AG54" s="259"/>
      <c r="AH54" s="259" t="s">
        <v>216</v>
      </c>
      <c r="AI54" s="259"/>
      <c r="AJ54" s="259"/>
      <c r="AK54" s="259"/>
      <c r="AL54" s="259" t="s">
        <v>1</v>
      </c>
      <c r="AM54" s="259"/>
      <c r="AN54" s="259"/>
      <c r="AO54" s="259"/>
      <c r="AP54" s="259" t="s">
        <v>217</v>
      </c>
      <c r="AQ54" s="259"/>
      <c r="AR54" s="259"/>
      <c r="AS54" s="259"/>
      <c r="AT54" s="259" t="s">
        <v>218</v>
      </c>
      <c r="AU54" s="259"/>
      <c r="AV54" s="259"/>
      <c r="AW54" s="259"/>
      <c r="AX54" s="259" t="s">
        <v>219</v>
      </c>
      <c r="AY54" s="259"/>
      <c r="AZ54" s="259"/>
      <c r="BA54" s="259"/>
      <c r="BB54" s="259" t="s">
        <v>148</v>
      </c>
      <c r="BC54" s="259"/>
      <c r="BD54" s="259"/>
      <c r="BE54" s="259" t="s">
        <v>220</v>
      </c>
      <c r="BF54" s="396"/>
      <c r="BG54" s="396"/>
      <c r="BH54" s="396"/>
      <c r="BI54" s="261" t="s">
        <v>221</v>
      </c>
    </row>
    <row r="55" spans="1:61">
      <c r="A55" s="231"/>
      <c r="B55" s="232"/>
      <c r="C55" s="232"/>
      <c r="D55" s="232"/>
      <c r="E55" s="232"/>
      <c r="F55" s="232"/>
      <c r="G55" s="233"/>
      <c r="H55" s="234"/>
      <c r="I55" s="235"/>
      <c r="J55" s="236"/>
      <c r="K55" s="236"/>
      <c r="L55" s="236"/>
      <c r="M55" s="236"/>
      <c r="N55" s="236"/>
      <c r="O55" s="236"/>
      <c r="P55" s="236"/>
      <c r="Q55" s="236"/>
      <c r="R55" s="236"/>
      <c r="S55" s="236"/>
      <c r="T55" s="236"/>
      <c r="U55" s="236"/>
      <c r="V55" s="236"/>
      <c r="W55" s="236"/>
      <c r="X55" s="269"/>
      <c r="Y55" s="259" t="s">
        <v>222</v>
      </c>
      <c r="Z55" s="259"/>
      <c r="AA55" s="259"/>
      <c r="AB55" s="259"/>
      <c r="AC55" s="259"/>
      <c r="AD55" s="259"/>
      <c r="AE55" s="259"/>
      <c r="AF55" s="259" t="s">
        <v>223</v>
      </c>
      <c r="AG55" s="396"/>
      <c r="AH55" s="396"/>
      <c r="AI55" s="396"/>
      <c r="AJ55" s="396"/>
      <c r="AK55" s="396"/>
      <c r="AL55" s="396"/>
      <c r="AM55" s="396"/>
      <c r="AN55" s="396"/>
      <c r="AO55" s="396"/>
      <c r="AP55" s="396"/>
      <c r="AQ55" s="396"/>
      <c r="AR55" s="396"/>
      <c r="AS55" s="396"/>
      <c r="AT55" s="396"/>
      <c r="AU55" s="396"/>
      <c r="AV55" s="396"/>
      <c r="AW55" s="396"/>
      <c r="AX55" s="396"/>
      <c r="AY55" s="396"/>
      <c r="AZ55" s="396"/>
      <c r="BA55" s="396"/>
      <c r="BB55" s="396"/>
      <c r="BC55" s="396"/>
      <c r="BD55" s="396"/>
      <c r="BE55" s="396"/>
      <c r="BF55" s="396"/>
      <c r="BG55" s="396"/>
      <c r="BH55" s="396"/>
      <c r="BI55" s="261" t="s">
        <v>224</v>
      </c>
    </row>
    <row r="56" spans="1:61">
      <c r="A56" s="231"/>
      <c r="B56" s="232"/>
      <c r="C56" s="232"/>
      <c r="D56" s="232"/>
      <c r="E56" s="232"/>
      <c r="F56" s="232"/>
      <c r="G56" s="233"/>
      <c r="H56" s="234"/>
      <c r="I56" s="235"/>
      <c r="J56" s="236"/>
      <c r="K56" s="236"/>
      <c r="L56" s="236"/>
      <c r="M56" s="236"/>
      <c r="N56" s="236"/>
      <c r="O56" s="236"/>
      <c r="P56" s="236"/>
      <c r="Q56" s="236"/>
      <c r="R56" s="236"/>
      <c r="S56" s="236"/>
      <c r="T56" s="236"/>
      <c r="U56" s="236"/>
      <c r="V56" s="236"/>
      <c r="W56" s="236"/>
      <c r="X56" s="269"/>
      <c r="Y56" s="259" t="s">
        <v>225</v>
      </c>
      <c r="Z56" s="259"/>
      <c r="AA56" s="259"/>
      <c r="AB56" s="259"/>
      <c r="AC56" s="259"/>
      <c r="AD56" s="259"/>
      <c r="AE56" s="259"/>
      <c r="AF56" s="259" t="s">
        <v>223</v>
      </c>
      <c r="AG56" s="396"/>
      <c r="AH56" s="396"/>
      <c r="AI56" s="396"/>
      <c r="AJ56" s="396"/>
      <c r="AK56" s="396"/>
      <c r="AL56" s="396"/>
      <c r="AM56" s="396"/>
      <c r="AN56" s="396"/>
      <c r="AO56" s="396"/>
      <c r="AP56" s="396"/>
      <c r="AQ56" s="396"/>
      <c r="AR56" s="396"/>
      <c r="AS56" s="396"/>
      <c r="AT56" s="396"/>
      <c r="AU56" s="396"/>
      <c r="AV56" s="396"/>
      <c r="AW56" s="396"/>
      <c r="AX56" s="396"/>
      <c r="AY56" s="396"/>
      <c r="AZ56" s="396"/>
      <c r="BA56" s="396"/>
      <c r="BB56" s="396"/>
      <c r="BC56" s="396"/>
      <c r="BD56" s="396"/>
      <c r="BE56" s="396"/>
      <c r="BF56" s="396"/>
      <c r="BG56" s="396"/>
      <c r="BH56" s="396"/>
      <c r="BI56" s="261" t="s">
        <v>224</v>
      </c>
    </row>
    <row r="57" spans="1:61">
      <c r="A57" s="231"/>
      <c r="B57" s="232"/>
      <c r="C57" s="232"/>
      <c r="D57" s="232"/>
      <c r="E57" s="232"/>
      <c r="F57" s="232"/>
      <c r="G57" s="233"/>
      <c r="H57" s="234"/>
      <c r="I57" s="393" t="s">
        <v>226</v>
      </c>
      <c r="J57" s="394"/>
      <c r="K57" s="394"/>
      <c r="L57" s="394"/>
      <c r="M57" s="394"/>
      <c r="N57" s="394"/>
      <c r="O57" s="394"/>
      <c r="P57" s="394"/>
      <c r="Q57" s="394"/>
      <c r="R57" s="394"/>
      <c r="S57" s="394"/>
      <c r="T57" s="394"/>
      <c r="U57" s="394"/>
      <c r="V57" s="394"/>
      <c r="W57" s="395"/>
      <c r="X57" s="269"/>
      <c r="Y57" s="259" t="s">
        <v>227</v>
      </c>
      <c r="Z57" s="259"/>
      <c r="AA57" s="259"/>
      <c r="AB57" s="259"/>
      <c r="AC57" s="259"/>
      <c r="AD57" s="259"/>
      <c r="AE57" s="259"/>
      <c r="AF57" s="259"/>
      <c r="AG57" s="259"/>
      <c r="AH57" s="259"/>
      <c r="AI57" s="259"/>
      <c r="AJ57" s="259"/>
      <c r="AK57" s="259"/>
      <c r="AL57" s="259"/>
      <c r="AM57" s="259"/>
      <c r="AN57" s="259"/>
      <c r="AO57" s="259"/>
      <c r="AP57" s="259"/>
      <c r="AQ57" s="259"/>
      <c r="AR57" s="259"/>
      <c r="AS57" s="259"/>
      <c r="AT57" s="259"/>
      <c r="AU57" s="259"/>
      <c r="AV57" s="259"/>
      <c r="AW57" s="259"/>
      <c r="AX57" s="259"/>
      <c r="AY57" s="259"/>
      <c r="AZ57" s="259"/>
      <c r="BA57" s="259"/>
      <c r="BB57" s="259"/>
      <c r="BC57" s="259"/>
      <c r="BD57" s="259"/>
      <c r="BE57" s="259"/>
      <c r="BF57" s="259"/>
      <c r="BG57" s="259"/>
      <c r="BH57" s="259"/>
      <c r="BI57" s="261"/>
    </row>
    <row r="58" spans="1:61">
      <c r="A58" s="231"/>
      <c r="B58" s="232"/>
      <c r="C58" s="232"/>
      <c r="D58" s="232"/>
      <c r="E58" s="232"/>
      <c r="F58" s="232"/>
      <c r="G58" s="233"/>
      <c r="H58" s="234"/>
      <c r="I58" s="393"/>
      <c r="J58" s="394"/>
      <c r="K58" s="394"/>
      <c r="L58" s="394"/>
      <c r="M58" s="394"/>
      <c r="N58" s="394"/>
      <c r="O58" s="394"/>
      <c r="P58" s="394"/>
      <c r="Q58" s="394"/>
      <c r="R58" s="394"/>
      <c r="S58" s="394"/>
      <c r="T58" s="394"/>
      <c r="U58" s="394"/>
      <c r="V58" s="394"/>
      <c r="W58" s="395"/>
      <c r="X58" s="269"/>
      <c r="Y58" s="259"/>
      <c r="Z58" s="259" t="s">
        <v>203</v>
      </c>
      <c r="AA58" s="259"/>
      <c r="AB58" s="259"/>
      <c r="AC58" s="259"/>
      <c r="AD58" s="259"/>
      <c r="AE58" s="259"/>
      <c r="AF58" s="259" t="s">
        <v>148</v>
      </c>
      <c r="AG58" s="259"/>
      <c r="AH58" s="259"/>
      <c r="AI58" s="259" t="s">
        <v>220</v>
      </c>
      <c r="AJ58" s="396"/>
      <c r="AK58" s="396"/>
      <c r="AL58" s="396"/>
      <c r="AM58" s="396"/>
      <c r="AN58" s="396"/>
      <c r="AO58" s="396"/>
      <c r="AP58" s="396"/>
      <c r="AQ58" s="396"/>
      <c r="AR58" s="396"/>
      <c r="AS58" s="396"/>
      <c r="AT58" s="396"/>
      <c r="AU58" s="396"/>
      <c r="AV58" s="396"/>
      <c r="AW58" s="396"/>
      <c r="AX58" s="396"/>
      <c r="AY58" s="396"/>
      <c r="AZ58" s="396"/>
      <c r="BA58" s="396"/>
      <c r="BB58" s="396"/>
      <c r="BC58" s="396"/>
      <c r="BD58" s="259" t="s">
        <v>224</v>
      </c>
      <c r="BE58" s="259"/>
      <c r="BF58" s="259" t="s">
        <v>153</v>
      </c>
      <c r="BG58" s="259"/>
      <c r="BH58" s="259"/>
      <c r="BI58" s="261"/>
    </row>
    <row r="59" spans="1:61">
      <c r="A59" s="231"/>
      <c r="B59" s="232"/>
      <c r="C59" s="232"/>
      <c r="D59" s="232"/>
      <c r="E59" s="232"/>
      <c r="F59" s="232"/>
      <c r="G59" s="233"/>
      <c r="H59" s="234"/>
      <c r="I59" s="235"/>
      <c r="J59" s="236"/>
      <c r="K59" s="236"/>
      <c r="L59" s="236"/>
      <c r="M59" s="236"/>
      <c r="N59" s="236"/>
      <c r="O59" s="236"/>
      <c r="P59" s="236"/>
      <c r="Q59" s="236"/>
      <c r="R59" s="236"/>
      <c r="S59" s="236"/>
      <c r="T59" s="236"/>
      <c r="U59" s="236"/>
      <c r="V59" s="236"/>
      <c r="W59" s="236"/>
      <c r="X59" s="269"/>
      <c r="Y59" s="259" t="s">
        <v>228</v>
      </c>
      <c r="Z59" s="259"/>
      <c r="AA59" s="259"/>
      <c r="AB59" s="259"/>
      <c r="AC59" s="259"/>
      <c r="AD59" s="259"/>
      <c r="AE59" s="259"/>
      <c r="AF59" s="259"/>
      <c r="AG59" s="259"/>
      <c r="AH59" s="259"/>
      <c r="AI59" s="259"/>
      <c r="AJ59" s="259"/>
      <c r="AK59" s="259"/>
      <c r="AL59" s="259"/>
      <c r="AM59" s="259"/>
      <c r="AN59" s="259"/>
      <c r="AO59" s="259"/>
      <c r="AP59" s="259"/>
      <c r="AQ59" s="259"/>
      <c r="AR59" s="259"/>
      <c r="AS59" s="259"/>
      <c r="AT59" s="259"/>
      <c r="AU59" s="259"/>
      <c r="AV59" s="259"/>
      <c r="AW59" s="259"/>
      <c r="AX59" s="259"/>
      <c r="AY59" s="259"/>
      <c r="AZ59" s="259"/>
      <c r="BA59" s="259"/>
      <c r="BB59" s="259"/>
      <c r="BC59" s="259"/>
      <c r="BD59" s="259"/>
      <c r="BE59" s="259"/>
      <c r="BF59" s="259"/>
      <c r="BG59" s="259"/>
      <c r="BH59" s="259"/>
      <c r="BI59" s="261"/>
    </row>
    <row r="60" spans="1:61">
      <c r="A60" s="231"/>
      <c r="B60" s="232"/>
      <c r="C60" s="232"/>
      <c r="D60" s="232"/>
      <c r="E60" s="232"/>
      <c r="F60" s="232"/>
      <c r="G60" s="233"/>
      <c r="H60" s="234"/>
      <c r="I60" s="235"/>
      <c r="J60" s="236"/>
      <c r="K60" s="236"/>
      <c r="L60" s="236"/>
      <c r="M60" s="236"/>
      <c r="N60" s="236"/>
      <c r="O60" s="236"/>
      <c r="P60" s="236"/>
      <c r="Q60" s="236"/>
      <c r="R60" s="236"/>
      <c r="S60" s="236"/>
      <c r="T60" s="236"/>
      <c r="U60" s="236"/>
      <c r="V60" s="236"/>
      <c r="W60" s="236"/>
      <c r="X60" s="269"/>
      <c r="Y60" s="259"/>
      <c r="Z60" s="259" t="s">
        <v>203</v>
      </c>
      <c r="AA60" s="259"/>
      <c r="AB60" s="259"/>
      <c r="AC60" s="259"/>
      <c r="AD60" s="259"/>
      <c r="AE60" s="259"/>
      <c r="AF60" s="259" t="s">
        <v>148</v>
      </c>
      <c r="AG60" s="259"/>
      <c r="AH60" s="259"/>
      <c r="AI60" s="259" t="s">
        <v>220</v>
      </c>
      <c r="AJ60" s="396"/>
      <c r="AK60" s="396"/>
      <c r="AL60" s="396"/>
      <c r="AM60" s="396"/>
      <c r="AN60" s="396"/>
      <c r="AO60" s="396"/>
      <c r="AP60" s="396"/>
      <c r="AQ60" s="396"/>
      <c r="AR60" s="396"/>
      <c r="AS60" s="396"/>
      <c r="AT60" s="396"/>
      <c r="AU60" s="396"/>
      <c r="AV60" s="396"/>
      <c r="AW60" s="396"/>
      <c r="AX60" s="396"/>
      <c r="AY60" s="396"/>
      <c r="AZ60" s="396"/>
      <c r="BA60" s="396"/>
      <c r="BB60" s="396"/>
      <c r="BC60" s="396"/>
      <c r="BD60" s="259" t="s">
        <v>224</v>
      </c>
      <c r="BE60" s="259"/>
      <c r="BF60" s="259" t="s">
        <v>153</v>
      </c>
      <c r="BG60" s="259"/>
      <c r="BH60" s="259"/>
      <c r="BI60" s="261"/>
    </row>
    <row r="61" spans="1:61">
      <c r="A61" s="231"/>
      <c r="B61" s="232"/>
      <c r="C61" s="232"/>
      <c r="D61" s="232"/>
      <c r="E61" s="232"/>
      <c r="F61" s="232"/>
      <c r="G61" s="233"/>
      <c r="H61" s="234"/>
      <c r="I61" s="235" t="s">
        <v>229</v>
      </c>
      <c r="J61" s="236"/>
      <c r="K61" s="236"/>
      <c r="L61" s="236"/>
      <c r="M61" s="236"/>
      <c r="N61" s="236"/>
      <c r="O61" s="236"/>
      <c r="P61" s="236"/>
      <c r="Q61" s="236"/>
      <c r="R61" s="236"/>
      <c r="S61" s="236"/>
      <c r="T61" s="236"/>
      <c r="U61" s="236"/>
      <c r="V61" s="236"/>
      <c r="W61" s="236"/>
      <c r="X61" s="269"/>
      <c r="Y61" s="259" t="s">
        <v>230</v>
      </c>
      <c r="Z61" s="259"/>
      <c r="AA61" s="259"/>
      <c r="AB61" s="259"/>
      <c r="AC61" s="259"/>
      <c r="AD61" s="259"/>
      <c r="AE61" s="259"/>
      <c r="AF61" s="259"/>
      <c r="AG61" s="259"/>
      <c r="AH61" s="259"/>
      <c r="AI61" s="259" t="s">
        <v>220</v>
      </c>
      <c r="AJ61" s="396"/>
      <c r="AK61" s="396"/>
      <c r="AL61" s="396"/>
      <c r="AM61" s="396"/>
      <c r="AN61" s="396"/>
      <c r="AO61" s="396"/>
      <c r="AP61" s="396"/>
      <c r="AQ61" s="396"/>
      <c r="AR61" s="396"/>
      <c r="AS61" s="396"/>
      <c r="AT61" s="396"/>
      <c r="AU61" s="396"/>
      <c r="AV61" s="396"/>
      <c r="AW61" s="396"/>
      <c r="AX61" s="396"/>
      <c r="AY61" s="396"/>
      <c r="AZ61" s="396"/>
      <c r="BA61" s="396"/>
      <c r="BB61" s="396"/>
      <c r="BC61" s="396"/>
      <c r="BD61" s="396"/>
      <c r="BE61" s="396"/>
      <c r="BF61" s="396"/>
      <c r="BG61" s="396"/>
      <c r="BH61" s="396"/>
      <c r="BI61" s="261" t="s">
        <v>221</v>
      </c>
    </row>
    <row r="62" spans="1:61">
      <c r="A62" s="231"/>
      <c r="B62" s="232"/>
      <c r="C62" s="232"/>
      <c r="D62" s="232"/>
      <c r="E62" s="232"/>
      <c r="F62" s="232"/>
      <c r="G62" s="233"/>
      <c r="H62" s="234"/>
      <c r="I62" s="235"/>
      <c r="J62" s="236"/>
      <c r="K62" s="236"/>
      <c r="L62" s="236"/>
      <c r="M62" s="236"/>
      <c r="N62" s="236"/>
      <c r="O62" s="236"/>
      <c r="P62" s="236"/>
      <c r="Q62" s="236"/>
      <c r="R62" s="236"/>
      <c r="S62" s="236"/>
      <c r="T62" s="236"/>
      <c r="U62" s="236"/>
      <c r="V62" s="236"/>
      <c r="W62" s="236"/>
      <c r="X62" s="269"/>
      <c r="Y62" s="259" t="s">
        <v>231</v>
      </c>
      <c r="Z62" s="259"/>
      <c r="AA62" s="259"/>
      <c r="AB62" s="259"/>
      <c r="AC62" s="259"/>
      <c r="AD62" s="259"/>
      <c r="AE62" s="259"/>
      <c r="AF62" s="259"/>
      <c r="AG62" s="259"/>
      <c r="AH62" s="259"/>
      <c r="AI62" s="259" t="s">
        <v>220</v>
      </c>
      <c r="AJ62" s="396"/>
      <c r="AK62" s="396"/>
      <c r="AL62" s="396"/>
      <c r="AM62" s="396"/>
      <c r="AN62" s="396"/>
      <c r="AO62" s="396"/>
      <c r="AP62" s="396"/>
      <c r="AQ62" s="396"/>
      <c r="AR62" s="396"/>
      <c r="AS62" s="396"/>
      <c r="AT62" s="396"/>
      <c r="AU62" s="396"/>
      <c r="AV62" s="396"/>
      <c r="AW62" s="396"/>
      <c r="AX62" s="396"/>
      <c r="AY62" s="396"/>
      <c r="AZ62" s="396"/>
      <c r="BA62" s="396"/>
      <c r="BB62" s="396"/>
      <c r="BC62" s="396"/>
      <c r="BD62" s="396"/>
      <c r="BE62" s="396"/>
      <c r="BF62" s="396"/>
      <c r="BG62" s="396"/>
      <c r="BH62" s="396"/>
      <c r="BI62" s="261" t="s">
        <v>221</v>
      </c>
    </row>
    <row r="63" spans="1:61">
      <c r="A63" s="231"/>
      <c r="B63" s="232"/>
      <c r="C63" s="232"/>
      <c r="D63" s="232"/>
      <c r="E63" s="232"/>
      <c r="F63" s="232"/>
      <c r="G63" s="233"/>
      <c r="H63" s="234"/>
      <c r="I63" s="235" t="s">
        <v>148</v>
      </c>
      <c r="J63" s="236"/>
      <c r="K63" s="236"/>
      <c r="L63" s="236" t="s">
        <v>223</v>
      </c>
      <c r="M63" s="396"/>
      <c r="N63" s="396"/>
      <c r="O63" s="396"/>
      <c r="P63" s="396"/>
      <c r="Q63" s="396"/>
      <c r="R63" s="396"/>
      <c r="S63" s="396"/>
      <c r="T63" s="396"/>
      <c r="U63" s="396"/>
      <c r="V63" s="396"/>
      <c r="W63" s="236" t="s">
        <v>224</v>
      </c>
      <c r="X63" s="269"/>
      <c r="Y63" s="259" t="s">
        <v>148</v>
      </c>
      <c r="Z63" s="259"/>
      <c r="AA63" s="259"/>
      <c r="AB63" s="259" t="s">
        <v>220</v>
      </c>
      <c r="AC63" s="396"/>
      <c r="AD63" s="396"/>
      <c r="AE63" s="396"/>
      <c r="AF63" s="396"/>
      <c r="AG63" s="396"/>
      <c r="AH63" s="396"/>
      <c r="AI63" s="396"/>
      <c r="AJ63" s="396"/>
      <c r="AK63" s="396"/>
      <c r="AL63" s="396"/>
      <c r="AM63" s="396"/>
      <c r="AN63" s="396"/>
      <c r="AO63" s="396"/>
      <c r="AP63" s="396"/>
      <c r="AQ63" s="396"/>
      <c r="AR63" s="396"/>
      <c r="AS63" s="396"/>
      <c r="AT63" s="396"/>
      <c r="AU63" s="396"/>
      <c r="AV63" s="396"/>
      <c r="AW63" s="396"/>
      <c r="AX63" s="396"/>
      <c r="AY63" s="396"/>
      <c r="AZ63" s="396"/>
      <c r="BA63" s="396"/>
      <c r="BB63" s="396"/>
      <c r="BC63" s="396"/>
      <c r="BD63" s="396"/>
      <c r="BE63" s="396"/>
      <c r="BF63" s="396"/>
      <c r="BG63" s="396"/>
      <c r="BH63" s="396"/>
      <c r="BI63" s="261" t="s">
        <v>221</v>
      </c>
    </row>
    <row r="64" spans="1:61">
      <c r="A64" s="238"/>
      <c r="B64" s="239"/>
      <c r="C64" s="239"/>
      <c r="D64" s="239"/>
      <c r="E64" s="239"/>
      <c r="F64" s="239"/>
      <c r="G64" s="240"/>
      <c r="H64" s="245"/>
      <c r="I64" s="242"/>
      <c r="J64" s="243"/>
      <c r="K64" s="243"/>
      <c r="L64" s="243"/>
      <c r="M64" s="243"/>
      <c r="N64" s="243"/>
      <c r="O64" s="243"/>
      <c r="P64" s="243"/>
      <c r="Q64" s="243"/>
      <c r="R64" s="243"/>
      <c r="S64" s="243"/>
      <c r="T64" s="243"/>
      <c r="U64" s="243"/>
      <c r="V64" s="243"/>
      <c r="W64" s="243"/>
      <c r="X64" s="270"/>
      <c r="Y64" s="264"/>
      <c r="Z64" s="264"/>
      <c r="AA64" s="264"/>
      <c r="AB64" s="264"/>
      <c r="AC64" s="264"/>
      <c r="AD64" s="264"/>
      <c r="AE64" s="264"/>
      <c r="AF64" s="264"/>
      <c r="AG64" s="264"/>
      <c r="AH64" s="264"/>
      <c r="AI64" s="264"/>
      <c r="AJ64" s="264"/>
      <c r="AK64" s="264"/>
      <c r="AL64" s="264"/>
      <c r="AM64" s="264"/>
      <c r="AN64" s="264"/>
      <c r="AO64" s="264"/>
      <c r="AP64" s="264"/>
      <c r="AQ64" s="264"/>
      <c r="AR64" s="264"/>
      <c r="AS64" s="264"/>
      <c r="AT64" s="264"/>
      <c r="AU64" s="264"/>
      <c r="AV64" s="264"/>
      <c r="AW64" s="264"/>
      <c r="AX64" s="264"/>
      <c r="AY64" s="264"/>
      <c r="AZ64" s="264"/>
      <c r="BA64" s="264"/>
      <c r="BB64" s="264"/>
      <c r="BC64" s="264"/>
      <c r="BD64" s="264"/>
      <c r="BE64" s="264"/>
      <c r="BF64" s="264"/>
      <c r="BG64" s="264"/>
      <c r="BH64" s="264"/>
      <c r="BI64" s="265"/>
    </row>
    <row r="65" spans="1:61">
      <c r="A65" s="401" t="s">
        <v>232</v>
      </c>
      <c r="B65" s="402"/>
      <c r="C65" s="402"/>
      <c r="D65" s="402"/>
      <c r="E65" s="402"/>
      <c r="F65" s="402"/>
      <c r="G65" s="403"/>
      <c r="H65" s="227"/>
      <c r="I65" s="228" t="s">
        <v>233</v>
      </c>
      <c r="J65" s="229"/>
      <c r="K65" s="229"/>
      <c r="L65" s="229"/>
      <c r="M65" s="229"/>
      <c r="N65" s="229"/>
      <c r="O65" s="229"/>
      <c r="P65" s="229"/>
      <c r="Q65" s="229"/>
      <c r="R65" s="229"/>
      <c r="S65" s="229"/>
      <c r="T65" s="229"/>
      <c r="U65" s="229"/>
      <c r="V65" s="229"/>
      <c r="W65" s="229"/>
      <c r="X65" s="268"/>
      <c r="Y65" s="255" t="s">
        <v>234</v>
      </c>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7"/>
    </row>
    <row r="66" spans="1:61">
      <c r="A66" s="231"/>
      <c r="B66" s="232"/>
      <c r="C66" s="232"/>
      <c r="D66" s="232"/>
      <c r="E66" s="232"/>
      <c r="F66" s="232"/>
      <c r="G66" s="233"/>
      <c r="H66" s="234"/>
      <c r="I66" s="235"/>
      <c r="J66" s="236"/>
      <c r="K66" s="236"/>
      <c r="L66" s="236"/>
      <c r="M66" s="236"/>
      <c r="N66" s="236"/>
      <c r="O66" s="236"/>
      <c r="P66" s="236"/>
      <c r="Q66" s="236"/>
      <c r="R66" s="236"/>
      <c r="S66" s="236"/>
      <c r="T66" s="236"/>
      <c r="U66" s="236"/>
      <c r="V66" s="236"/>
      <c r="W66" s="236"/>
      <c r="X66" s="269"/>
      <c r="Y66" s="259"/>
      <c r="Z66" s="259" t="s">
        <v>235</v>
      </c>
      <c r="AA66" s="259"/>
      <c r="AB66" s="259"/>
      <c r="AC66" s="259"/>
      <c r="AD66" s="259"/>
      <c r="AE66" s="259"/>
      <c r="AF66" s="259" t="s">
        <v>148</v>
      </c>
      <c r="AG66" s="259"/>
      <c r="AH66" s="259"/>
      <c r="AI66" s="259" t="s">
        <v>223</v>
      </c>
      <c r="AJ66" s="396"/>
      <c r="AK66" s="396"/>
      <c r="AL66" s="396"/>
      <c r="AM66" s="396"/>
      <c r="AN66" s="396"/>
      <c r="AO66" s="396"/>
      <c r="AP66" s="396"/>
      <c r="AQ66" s="396"/>
      <c r="AR66" s="396"/>
      <c r="AS66" s="405"/>
      <c r="AT66" s="405"/>
      <c r="AU66" s="405"/>
      <c r="AV66" s="405"/>
      <c r="AW66" s="405"/>
      <c r="AX66" s="405"/>
      <c r="AY66" s="405"/>
      <c r="AZ66" s="405"/>
      <c r="BA66" s="405"/>
      <c r="BB66" s="405"/>
      <c r="BC66" s="405"/>
      <c r="BD66" s="259" t="s">
        <v>224</v>
      </c>
      <c r="BE66" s="259"/>
      <c r="BF66" s="259" t="s">
        <v>153</v>
      </c>
      <c r="BG66" s="259"/>
      <c r="BH66" s="259"/>
      <c r="BI66" s="261"/>
    </row>
    <row r="67" spans="1:61">
      <c r="A67" s="231"/>
      <c r="B67" s="232"/>
      <c r="C67" s="232"/>
      <c r="D67" s="232"/>
      <c r="E67" s="232"/>
      <c r="F67" s="232"/>
      <c r="G67" s="233"/>
      <c r="H67" s="234"/>
      <c r="I67" s="235"/>
      <c r="J67" s="236"/>
      <c r="K67" s="236"/>
      <c r="L67" s="236"/>
      <c r="M67" s="236"/>
      <c r="N67" s="236"/>
      <c r="O67" s="236"/>
      <c r="P67" s="236"/>
      <c r="Q67" s="236"/>
      <c r="R67" s="236"/>
      <c r="S67" s="236"/>
      <c r="T67" s="236"/>
      <c r="U67" s="236"/>
      <c r="V67" s="236"/>
      <c r="W67" s="236"/>
      <c r="X67" s="269"/>
      <c r="Y67" s="259" t="s">
        <v>236</v>
      </c>
      <c r="Z67" s="259"/>
      <c r="AA67" s="259"/>
      <c r="AC67" s="259" t="s">
        <v>223</v>
      </c>
      <c r="AD67" s="406"/>
      <c r="AE67" s="406"/>
      <c r="AF67" s="259" t="s">
        <v>237</v>
      </c>
      <c r="AG67" s="259"/>
      <c r="AH67" s="259"/>
      <c r="AI67" s="259"/>
      <c r="AJ67" s="259"/>
      <c r="AK67" s="259"/>
      <c r="AL67" s="259"/>
      <c r="AM67" s="259"/>
      <c r="AN67" s="259"/>
      <c r="AO67" s="259"/>
      <c r="AP67" s="259"/>
      <c r="AQ67" s="259"/>
      <c r="AR67" s="259"/>
      <c r="AS67" s="259"/>
      <c r="AT67" s="259"/>
      <c r="AU67" s="259"/>
      <c r="AV67" s="259"/>
      <c r="AW67" s="259"/>
      <c r="AX67" s="259"/>
      <c r="AY67" s="259"/>
      <c r="AZ67" s="259"/>
      <c r="BA67" s="259"/>
      <c r="BB67" s="259"/>
      <c r="BC67" s="259"/>
      <c r="BD67" s="259"/>
      <c r="BE67" s="259"/>
      <c r="BF67" s="259"/>
      <c r="BG67" s="259"/>
      <c r="BH67" s="259"/>
      <c r="BI67" s="261"/>
    </row>
    <row r="68" spans="1:61">
      <c r="A68" s="231"/>
      <c r="B68" s="232"/>
      <c r="C68" s="232"/>
      <c r="D68" s="232"/>
      <c r="E68" s="232"/>
      <c r="F68" s="232"/>
      <c r="G68" s="233"/>
      <c r="H68" s="234"/>
      <c r="I68" s="235"/>
      <c r="J68" s="236"/>
      <c r="K68" s="236"/>
      <c r="L68" s="236"/>
      <c r="M68" s="236"/>
      <c r="N68" s="236"/>
      <c r="O68" s="236"/>
      <c r="P68" s="236"/>
      <c r="Q68" s="236"/>
      <c r="R68" s="236"/>
      <c r="S68" s="236"/>
      <c r="T68" s="236"/>
      <c r="U68" s="236"/>
      <c r="V68" s="236"/>
      <c r="W68" s="236"/>
      <c r="X68" s="269"/>
      <c r="Y68" s="259" t="s">
        <v>238</v>
      </c>
      <c r="Z68" s="259"/>
      <c r="AA68" s="259"/>
      <c r="AB68" s="259"/>
      <c r="AC68" s="271" t="s">
        <v>223</v>
      </c>
      <c r="AD68" s="406"/>
      <c r="AE68" s="406"/>
      <c r="AF68" s="406"/>
      <c r="AG68" s="406"/>
      <c r="AH68" s="406"/>
      <c r="AI68" s="406"/>
      <c r="AJ68" s="406"/>
      <c r="AK68" s="406"/>
      <c r="AL68" s="406"/>
      <c r="AM68" s="406"/>
      <c r="AN68" s="406"/>
      <c r="AO68" s="406"/>
      <c r="AP68" s="406"/>
      <c r="AQ68" s="406"/>
      <c r="AR68" s="406"/>
      <c r="AS68" s="406"/>
      <c r="AT68" s="406"/>
      <c r="AU68" s="406"/>
      <c r="AV68" s="406"/>
      <c r="AW68" s="406"/>
      <c r="AX68" s="406"/>
      <c r="AY68" s="406"/>
      <c r="AZ68" s="406"/>
      <c r="BA68" s="406"/>
      <c r="BB68" s="406"/>
      <c r="BC68" s="406"/>
      <c r="BD68" s="406"/>
      <c r="BE68" s="406"/>
      <c r="BF68" s="406"/>
      <c r="BG68" s="406"/>
      <c r="BH68" s="406"/>
      <c r="BI68" s="261" t="s">
        <v>224</v>
      </c>
    </row>
    <row r="69" spans="1:61">
      <c r="A69" s="231"/>
      <c r="B69" s="232"/>
      <c r="C69" s="232"/>
      <c r="D69" s="232"/>
      <c r="E69" s="232"/>
      <c r="F69" s="232"/>
      <c r="G69" s="233"/>
      <c r="H69" s="234"/>
      <c r="I69" s="235"/>
      <c r="J69" s="236"/>
      <c r="K69" s="236"/>
      <c r="L69" s="236"/>
      <c r="M69" s="236"/>
      <c r="N69" s="236"/>
      <c r="O69" s="236"/>
      <c r="P69" s="236"/>
      <c r="Q69" s="236"/>
      <c r="R69" s="236"/>
      <c r="S69" s="236"/>
      <c r="T69" s="236"/>
      <c r="U69" s="236"/>
      <c r="V69" s="236"/>
      <c r="W69" s="236"/>
      <c r="X69" s="269"/>
      <c r="Y69" s="259" t="s">
        <v>148</v>
      </c>
      <c r="Z69" s="259"/>
      <c r="AA69" s="259"/>
      <c r="AB69" s="259" t="s">
        <v>223</v>
      </c>
      <c r="AC69" s="396"/>
      <c r="AD69" s="396"/>
      <c r="AE69" s="396"/>
      <c r="AF69" s="396"/>
      <c r="AG69" s="396"/>
      <c r="AH69" s="396"/>
      <c r="AI69" s="396"/>
      <c r="AJ69" s="396"/>
      <c r="AK69" s="396"/>
      <c r="AL69" s="396"/>
      <c r="AM69" s="396"/>
      <c r="AN69" s="396"/>
      <c r="AO69" s="396"/>
      <c r="AP69" s="396"/>
      <c r="AQ69" s="396"/>
      <c r="AR69" s="396"/>
      <c r="AS69" s="396"/>
      <c r="AT69" s="396"/>
      <c r="AU69" s="396"/>
      <c r="AV69" s="396"/>
      <c r="AW69" s="396"/>
      <c r="AX69" s="396"/>
      <c r="AY69" s="396"/>
      <c r="AZ69" s="396"/>
      <c r="BA69" s="396"/>
      <c r="BB69" s="396"/>
      <c r="BC69" s="396"/>
      <c r="BD69" s="396"/>
      <c r="BE69" s="396"/>
      <c r="BF69" s="396"/>
      <c r="BG69" s="396"/>
      <c r="BH69" s="396"/>
      <c r="BI69" s="261" t="s">
        <v>224</v>
      </c>
    </row>
    <row r="70" spans="1:61">
      <c r="A70" s="231"/>
      <c r="B70" s="232"/>
      <c r="C70" s="232"/>
      <c r="D70" s="232"/>
      <c r="E70" s="232"/>
      <c r="F70" s="232"/>
      <c r="G70" s="233"/>
      <c r="H70" s="234"/>
      <c r="I70" s="235" t="s">
        <v>239</v>
      </c>
      <c r="J70" s="236"/>
      <c r="K70" s="236"/>
      <c r="L70" s="236"/>
      <c r="M70" s="236"/>
      <c r="N70" s="236"/>
      <c r="O70" s="236"/>
      <c r="P70" s="236"/>
      <c r="Q70" s="236"/>
      <c r="R70" s="236"/>
      <c r="S70" s="236"/>
      <c r="T70" s="236"/>
      <c r="U70" s="236"/>
      <c r="V70" s="236"/>
      <c r="W70" s="236"/>
      <c r="X70" s="269"/>
      <c r="Y70" s="259" t="s">
        <v>240</v>
      </c>
      <c r="Z70" s="259"/>
      <c r="AA70" s="259"/>
      <c r="AB70" s="259"/>
      <c r="AC70" s="259"/>
      <c r="AD70" s="259"/>
      <c r="AE70" s="259"/>
      <c r="AF70" s="259"/>
      <c r="AG70" s="259"/>
      <c r="AH70" s="259"/>
      <c r="AI70" s="259"/>
      <c r="AJ70" s="259"/>
      <c r="AK70" s="259"/>
      <c r="AL70" s="259"/>
      <c r="AM70" s="259"/>
      <c r="AN70" s="259"/>
      <c r="AO70" s="259"/>
      <c r="AP70" s="259"/>
      <c r="AQ70" s="259"/>
      <c r="AR70" s="259"/>
      <c r="AS70" s="259"/>
      <c r="AT70" s="259"/>
      <c r="AU70" s="259"/>
      <c r="AV70" s="259"/>
      <c r="AW70" s="259"/>
      <c r="AX70" s="259"/>
      <c r="AY70" s="259"/>
      <c r="AZ70" s="259"/>
      <c r="BA70" s="259"/>
      <c r="BB70" s="259"/>
      <c r="BC70" s="259"/>
      <c r="BD70" s="259"/>
      <c r="BE70" s="259"/>
      <c r="BF70" s="259"/>
      <c r="BG70" s="259"/>
      <c r="BH70" s="259"/>
      <c r="BI70" s="261"/>
    </row>
    <row r="71" spans="1:61">
      <c r="A71" s="231"/>
      <c r="B71" s="232"/>
      <c r="C71" s="232"/>
      <c r="D71" s="232"/>
      <c r="E71" s="232"/>
      <c r="F71" s="232"/>
      <c r="G71" s="233"/>
      <c r="H71" s="234"/>
      <c r="I71" s="235"/>
      <c r="J71" s="236"/>
      <c r="K71" s="236"/>
      <c r="L71" s="236"/>
      <c r="M71" s="236"/>
      <c r="N71" s="236"/>
      <c r="O71" s="236"/>
      <c r="P71" s="236"/>
      <c r="Q71" s="236"/>
      <c r="R71" s="236"/>
      <c r="S71" s="236"/>
      <c r="T71" s="236"/>
      <c r="U71" s="236"/>
      <c r="V71" s="236"/>
      <c r="W71" s="236"/>
      <c r="X71" s="269"/>
      <c r="Y71" s="259"/>
      <c r="Z71" s="259" t="s">
        <v>235</v>
      </c>
      <c r="AA71" s="259"/>
      <c r="AB71" s="259"/>
      <c r="AC71" s="259"/>
      <c r="AD71" s="259"/>
      <c r="AE71" s="259"/>
      <c r="AF71" s="259" t="s">
        <v>148</v>
      </c>
      <c r="AG71" s="259"/>
      <c r="AH71" s="259"/>
      <c r="AI71" s="259" t="s">
        <v>223</v>
      </c>
      <c r="AJ71" s="396"/>
      <c r="AK71" s="405"/>
      <c r="AL71" s="405"/>
      <c r="AM71" s="405"/>
      <c r="AN71" s="405"/>
      <c r="AO71" s="405"/>
      <c r="AP71" s="405"/>
      <c r="AQ71" s="405"/>
      <c r="AR71" s="405"/>
      <c r="AS71" s="405"/>
      <c r="AT71" s="405"/>
      <c r="AU71" s="405"/>
      <c r="AV71" s="405"/>
      <c r="AW71" s="405"/>
      <c r="AX71" s="405"/>
      <c r="AY71" s="405"/>
      <c r="AZ71" s="405"/>
      <c r="BA71" s="405"/>
      <c r="BB71" s="405"/>
      <c r="BC71" s="405"/>
      <c r="BD71" s="259" t="s">
        <v>224</v>
      </c>
      <c r="BE71" s="259"/>
      <c r="BF71" s="259" t="s">
        <v>153</v>
      </c>
      <c r="BG71" s="259"/>
      <c r="BH71" s="259"/>
      <c r="BI71" s="261"/>
    </row>
    <row r="72" spans="1:61">
      <c r="A72" s="231"/>
      <c r="B72" s="232"/>
      <c r="C72" s="232"/>
      <c r="D72" s="232"/>
      <c r="E72" s="232"/>
      <c r="F72" s="232"/>
      <c r="G72" s="233"/>
      <c r="H72" s="234"/>
      <c r="I72" s="235"/>
      <c r="J72" s="236"/>
      <c r="K72" s="236"/>
      <c r="L72" s="236"/>
      <c r="M72" s="236"/>
      <c r="N72" s="236"/>
      <c r="O72" s="236"/>
      <c r="P72" s="236"/>
      <c r="Q72" s="236"/>
      <c r="R72" s="236"/>
      <c r="S72" s="236"/>
      <c r="T72" s="236"/>
      <c r="U72" s="236"/>
      <c r="V72" s="236"/>
      <c r="W72" s="236"/>
      <c r="X72" s="269"/>
      <c r="Y72" s="259" t="s">
        <v>157</v>
      </c>
      <c r="Z72" s="259"/>
      <c r="AA72" s="259"/>
      <c r="AB72" s="259"/>
      <c r="AC72" s="259"/>
      <c r="AD72" s="259"/>
      <c r="AE72" s="259"/>
      <c r="AF72" s="259"/>
      <c r="AG72" s="259"/>
      <c r="AH72" s="259"/>
      <c r="AI72" s="259"/>
      <c r="AJ72" s="259"/>
      <c r="AK72" s="259"/>
      <c r="AL72" s="259"/>
      <c r="AM72" s="259"/>
      <c r="AN72" s="259"/>
      <c r="AO72" s="259"/>
      <c r="AP72" s="259"/>
      <c r="AQ72" s="259"/>
      <c r="AR72" s="259"/>
      <c r="AS72" s="259"/>
      <c r="AT72" s="259"/>
      <c r="AU72" s="259"/>
      <c r="AV72" s="259"/>
      <c r="AW72" s="259"/>
      <c r="AX72" s="259"/>
      <c r="AY72" s="259"/>
      <c r="AZ72" s="259"/>
      <c r="BA72" s="259"/>
      <c r="BB72" s="259"/>
      <c r="BC72" s="259"/>
      <c r="BD72" s="259"/>
      <c r="BE72" s="259"/>
      <c r="BF72" s="259"/>
      <c r="BG72" s="259"/>
      <c r="BH72" s="259"/>
      <c r="BI72" s="261"/>
    </row>
    <row r="73" spans="1:61">
      <c r="A73" s="231"/>
      <c r="B73" s="232"/>
      <c r="C73" s="232"/>
      <c r="D73" s="232"/>
      <c r="E73" s="232"/>
      <c r="F73" s="232"/>
      <c r="G73" s="233"/>
      <c r="H73" s="234"/>
      <c r="I73" s="235"/>
      <c r="J73" s="236"/>
      <c r="K73" s="236"/>
      <c r="L73" s="236"/>
      <c r="M73" s="236"/>
      <c r="N73" s="236"/>
      <c r="O73" s="236"/>
      <c r="P73" s="236"/>
      <c r="Q73" s="236"/>
      <c r="R73" s="236"/>
      <c r="S73" s="236"/>
      <c r="T73" s="236"/>
      <c r="U73" s="236"/>
      <c r="V73" s="236"/>
      <c r="W73" s="236"/>
      <c r="X73" s="269"/>
      <c r="Y73" s="259" t="s">
        <v>148</v>
      </c>
      <c r="Z73" s="259"/>
      <c r="AA73" s="259"/>
      <c r="AB73" s="259" t="s">
        <v>223</v>
      </c>
      <c r="AC73" s="396"/>
      <c r="AD73" s="396"/>
      <c r="AE73" s="396"/>
      <c r="AF73" s="396"/>
      <c r="AG73" s="396"/>
      <c r="AH73" s="396"/>
      <c r="AI73" s="396"/>
      <c r="AJ73" s="396"/>
      <c r="AK73" s="396"/>
      <c r="AL73" s="396"/>
      <c r="AM73" s="396"/>
      <c r="AN73" s="396"/>
      <c r="AO73" s="396"/>
      <c r="AP73" s="396"/>
      <c r="AQ73" s="396"/>
      <c r="AR73" s="396"/>
      <c r="AS73" s="396"/>
      <c r="AT73" s="396"/>
      <c r="AU73" s="396"/>
      <c r="AV73" s="396"/>
      <c r="AW73" s="396"/>
      <c r="AX73" s="396"/>
      <c r="AY73" s="396"/>
      <c r="AZ73" s="396"/>
      <c r="BA73" s="396"/>
      <c r="BB73" s="396"/>
      <c r="BC73" s="396"/>
      <c r="BD73" s="396"/>
      <c r="BE73" s="396"/>
      <c r="BF73" s="396"/>
      <c r="BG73" s="396"/>
      <c r="BH73" s="396"/>
      <c r="BI73" s="261" t="s">
        <v>224</v>
      </c>
    </row>
    <row r="74" spans="1:61">
      <c r="A74" s="231"/>
      <c r="B74" s="232"/>
      <c r="C74" s="232"/>
      <c r="D74" s="232"/>
      <c r="E74" s="232"/>
      <c r="F74" s="232"/>
      <c r="G74" s="233"/>
      <c r="H74" s="234"/>
      <c r="I74" s="235"/>
      <c r="J74" s="236"/>
      <c r="K74" s="236"/>
      <c r="L74" s="236"/>
      <c r="M74" s="236"/>
      <c r="N74" s="236"/>
      <c r="O74" s="236"/>
      <c r="P74" s="236"/>
      <c r="Q74" s="236"/>
      <c r="R74" s="236"/>
      <c r="S74" s="236"/>
      <c r="T74" s="236"/>
      <c r="U74" s="236"/>
      <c r="V74" s="236"/>
      <c r="W74" s="236"/>
      <c r="X74" s="269"/>
      <c r="Y74" s="259"/>
      <c r="Z74" s="259"/>
      <c r="AA74" s="259"/>
      <c r="AB74" s="259"/>
      <c r="AC74" s="271"/>
      <c r="AD74" s="271"/>
      <c r="AE74" s="271"/>
      <c r="AF74" s="271"/>
      <c r="AG74" s="271"/>
      <c r="AH74" s="271"/>
      <c r="AI74" s="271"/>
      <c r="AJ74" s="271"/>
      <c r="AK74" s="271"/>
      <c r="AL74" s="271"/>
      <c r="AM74" s="271"/>
      <c r="AN74" s="271"/>
      <c r="AO74" s="271"/>
      <c r="AP74" s="271"/>
      <c r="AQ74" s="271"/>
      <c r="AR74" s="271"/>
      <c r="AS74" s="271"/>
      <c r="AT74" s="271"/>
      <c r="AU74" s="271"/>
      <c r="AV74" s="271"/>
      <c r="AW74" s="271"/>
      <c r="AX74" s="271"/>
      <c r="AY74" s="271"/>
      <c r="AZ74" s="271"/>
      <c r="BA74" s="271"/>
      <c r="BB74" s="271"/>
      <c r="BC74" s="271"/>
      <c r="BD74" s="271"/>
      <c r="BE74" s="271"/>
      <c r="BF74" s="271"/>
      <c r="BG74" s="271"/>
      <c r="BH74" s="271"/>
      <c r="BI74" s="261"/>
    </row>
    <row r="75" spans="1:61">
      <c r="A75" s="267"/>
      <c r="B75" s="259"/>
      <c r="C75" s="259"/>
      <c r="D75" s="259"/>
      <c r="E75" s="259"/>
      <c r="F75" s="259"/>
      <c r="G75" s="261"/>
      <c r="H75" s="234"/>
      <c r="I75" s="235"/>
      <c r="J75" s="236"/>
      <c r="K75" s="236"/>
      <c r="L75" s="236"/>
      <c r="M75" s="236"/>
      <c r="N75" s="236"/>
      <c r="O75" s="236"/>
      <c r="P75" s="236"/>
      <c r="Q75" s="236"/>
      <c r="R75" s="236"/>
      <c r="S75" s="236"/>
      <c r="T75" s="236"/>
      <c r="U75" s="236"/>
      <c r="V75" s="236"/>
      <c r="W75" s="236"/>
      <c r="X75" s="269"/>
      <c r="Y75" s="259"/>
      <c r="Z75" s="259"/>
      <c r="AA75" s="259"/>
      <c r="AB75" s="259"/>
      <c r="AC75" s="259"/>
      <c r="AD75" s="259"/>
      <c r="AE75" s="259"/>
      <c r="AF75" s="259"/>
      <c r="AG75" s="259"/>
      <c r="AH75" s="259"/>
      <c r="AI75" s="259"/>
      <c r="AJ75" s="259"/>
      <c r="AK75" s="259"/>
      <c r="AL75" s="259"/>
      <c r="AM75" s="259"/>
      <c r="AN75" s="259"/>
      <c r="AO75" s="259"/>
      <c r="AP75" s="259"/>
      <c r="AQ75" s="259"/>
      <c r="AR75" s="259"/>
      <c r="AS75" s="259"/>
      <c r="AT75" s="259"/>
      <c r="AU75" s="259"/>
      <c r="AV75" s="259"/>
      <c r="AW75" s="259"/>
      <c r="AX75" s="259"/>
      <c r="AY75" s="259"/>
      <c r="AZ75" s="259"/>
      <c r="BA75" s="259"/>
      <c r="BB75" s="259"/>
      <c r="BC75" s="259"/>
      <c r="BD75" s="259"/>
      <c r="BE75" s="259"/>
      <c r="BF75" s="259"/>
      <c r="BG75" s="259"/>
      <c r="BH75" s="259"/>
      <c r="BI75" s="261"/>
    </row>
    <row r="76" spans="1:61">
      <c r="A76" s="263"/>
      <c r="B76" s="264"/>
      <c r="C76" s="264"/>
      <c r="D76" s="264"/>
      <c r="E76" s="264"/>
      <c r="F76" s="264"/>
      <c r="G76" s="264"/>
      <c r="H76" s="245"/>
      <c r="I76" s="242"/>
      <c r="J76" s="243"/>
      <c r="K76" s="243"/>
      <c r="L76" s="243"/>
      <c r="M76" s="243"/>
      <c r="N76" s="243"/>
      <c r="O76" s="243"/>
      <c r="P76" s="243"/>
      <c r="Q76" s="243"/>
      <c r="R76" s="243"/>
      <c r="S76" s="243"/>
      <c r="T76" s="243"/>
      <c r="U76" s="243"/>
      <c r="V76" s="243"/>
      <c r="W76" s="244"/>
      <c r="X76" s="272"/>
      <c r="Y76" s="264"/>
      <c r="Z76" s="264"/>
      <c r="AA76" s="264"/>
      <c r="AB76" s="264"/>
      <c r="AC76" s="264"/>
      <c r="AD76" s="264"/>
      <c r="AE76" s="264"/>
      <c r="AF76" s="264"/>
      <c r="AG76" s="264"/>
      <c r="AH76" s="264"/>
      <c r="AI76" s="264"/>
      <c r="AJ76" s="264"/>
      <c r="AK76" s="264"/>
      <c r="AL76" s="264"/>
      <c r="AM76" s="264"/>
      <c r="AN76" s="264"/>
      <c r="AO76" s="264"/>
      <c r="AP76" s="264"/>
      <c r="AQ76" s="264"/>
      <c r="AR76" s="264"/>
      <c r="AS76" s="264"/>
      <c r="AT76" s="264"/>
      <c r="AU76" s="264"/>
      <c r="AV76" s="264"/>
      <c r="AW76" s="264"/>
      <c r="AX76" s="264"/>
      <c r="AY76" s="264"/>
      <c r="AZ76" s="264"/>
      <c r="BA76" s="264"/>
      <c r="BB76" s="264"/>
      <c r="BC76" s="264"/>
      <c r="BD76" s="264"/>
      <c r="BE76" s="264"/>
      <c r="BF76" s="264"/>
      <c r="BG76" s="264"/>
      <c r="BH76" s="264"/>
      <c r="BI76" s="265"/>
    </row>
    <row r="77" spans="1:61">
      <c r="A77" s="259"/>
      <c r="B77" s="259"/>
      <c r="C77" s="259"/>
      <c r="D77" s="259"/>
      <c r="E77" s="259"/>
      <c r="F77" s="259"/>
      <c r="G77" s="259"/>
      <c r="H77" s="236"/>
      <c r="I77" s="236"/>
      <c r="J77" s="236"/>
      <c r="K77" s="236"/>
      <c r="L77" s="236"/>
      <c r="M77" s="236"/>
      <c r="N77" s="236"/>
      <c r="O77" s="236"/>
      <c r="P77" s="236"/>
      <c r="Q77" s="236"/>
      <c r="R77" s="236"/>
      <c r="S77" s="236"/>
      <c r="T77" s="236"/>
      <c r="U77" s="236"/>
      <c r="V77" s="236"/>
      <c r="W77" s="236"/>
      <c r="X77" s="236"/>
      <c r="Y77" s="259"/>
      <c r="Z77" s="259"/>
      <c r="AA77" s="259"/>
      <c r="AB77" s="259"/>
      <c r="AC77" s="259"/>
      <c r="AD77" s="259"/>
      <c r="AE77" s="259"/>
      <c r="AF77" s="259"/>
      <c r="AG77" s="259"/>
      <c r="AH77" s="259"/>
      <c r="AI77" s="259"/>
      <c r="AJ77" s="259"/>
      <c r="AK77" s="259"/>
      <c r="AL77" s="259"/>
      <c r="AM77" s="259"/>
      <c r="AN77" s="259"/>
      <c r="AO77" s="259"/>
      <c r="AP77" s="259"/>
      <c r="AQ77" s="259"/>
      <c r="AR77" s="259"/>
      <c r="AS77" s="259"/>
      <c r="AT77" s="259"/>
      <c r="AU77" s="259"/>
      <c r="AV77" s="259"/>
      <c r="AW77" s="259"/>
      <c r="AX77" s="259"/>
      <c r="AY77" s="259"/>
      <c r="AZ77" s="259"/>
      <c r="BA77" s="259"/>
      <c r="BB77" s="259"/>
      <c r="BC77" s="259"/>
      <c r="BD77" s="259"/>
      <c r="BE77" s="259"/>
      <c r="BF77" s="259"/>
      <c r="BG77" s="259"/>
      <c r="BH77" s="259"/>
      <c r="BI77" s="259"/>
    </row>
    <row r="78" spans="1:61">
      <c r="A78" s="259"/>
      <c r="B78" s="259"/>
      <c r="C78" s="259"/>
      <c r="D78" s="259"/>
      <c r="E78" s="259"/>
      <c r="F78" s="259"/>
      <c r="G78" s="259"/>
      <c r="H78" s="236"/>
      <c r="I78" s="236"/>
      <c r="J78" s="236"/>
      <c r="K78" s="236"/>
      <c r="L78" s="236"/>
      <c r="M78" s="236"/>
      <c r="N78" s="236"/>
      <c r="O78" s="236"/>
      <c r="P78" s="236"/>
      <c r="Q78" s="236"/>
      <c r="R78" s="236"/>
      <c r="S78" s="236"/>
      <c r="T78" s="236"/>
      <c r="U78" s="236"/>
      <c r="V78" s="236"/>
      <c r="W78" s="236"/>
      <c r="X78" s="236"/>
      <c r="Y78" s="259"/>
      <c r="Z78" s="259"/>
      <c r="AA78" s="259"/>
      <c r="AB78" s="259"/>
      <c r="AC78" s="259"/>
      <c r="AD78" s="259"/>
      <c r="AE78" s="259"/>
      <c r="AF78" s="259"/>
      <c r="AG78" s="259"/>
      <c r="AH78" s="259"/>
      <c r="AI78" s="259"/>
      <c r="AJ78" s="259"/>
      <c r="AK78" s="259"/>
      <c r="AL78" s="259"/>
      <c r="AM78" s="259"/>
      <c r="AN78" s="259"/>
      <c r="AO78" s="259"/>
      <c r="AP78" s="259"/>
      <c r="AQ78" s="259"/>
      <c r="AR78" s="259"/>
      <c r="AS78" s="259"/>
      <c r="AT78" s="259"/>
      <c r="AU78" s="259"/>
      <c r="AV78" s="259"/>
      <c r="AW78" s="259"/>
      <c r="AX78" s="259"/>
      <c r="AY78" s="259"/>
      <c r="AZ78" s="259"/>
      <c r="BA78" s="259"/>
      <c r="BB78" s="259"/>
      <c r="BC78" s="259"/>
      <c r="BD78" s="259"/>
      <c r="BE78" s="259"/>
      <c r="BF78" s="259"/>
      <c r="BG78" s="259"/>
      <c r="BH78" s="259"/>
      <c r="BI78" s="259"/>
    </row>
    <row r="79" spans="1:61">
      <c r="A79" s="259"/>
      <c r="B79" s="259"/>
      <c r="C79" s="259"/>
      <c r="D79" s="259"/>
      <c r="E79" s="259"/>
      <c r="F79" s="259"/>
      <c r="G79" s="259"/>
      <c r="H79" s="236"/>
      <c r="I79" s="236"/>
      <c r="J79" s="236"/>
      <c r="K79" s="236"/>
      <c r="L79" s="236"/>
      <c r="M79" s="236"/>
      <c r="N79" s="236"/>
      <c r="O79" s="236"/>
      <c r="P79" s="236"/>
      <c r="Q79" s="236"/>
      <c r="R79" s="236"/>
      <c r="S79" s="236"/>
      <c r="T79" s="236"/>
      <c r="U79" s="236"/>
      <c r="V79" s="236"/>
      <c r="W79" s="236"/>
      <c r="X79" s="236"/>
      <c r="Y79" s="259"/>
      <c r="Z79" s="259"/>
      <c r="AA79" s="259"/>
      <c r="AB79" s="259"/>
      <c r="AC79" s="259"/>
      <c r="AD79" s="259"/>
      <c r="AE79" s="259"/>
      <c r="AF79" s="259"/>
      <c r="AG79" s="259"/>
      <c r="AH79" s="259"/>
      <c r="AI79" s="259"/>
      <c r="AJ79" s="259"/>
      <c r="AK79" s="259"/>
      <c r="AL79" s="259"/>
      <c r="AM79" s="259"/>
      <c r="AN79" s="259"/>
      <c r="AO79" s="259"/>
      <c r="AP79" s="259"/>
      <c r="AQ79" s="259"/>
      <c r="AR79" s="259"/>
      <c r="AS79" s="259"/>
      <c r="AT79" s="259"/>
      <c r="AU79" s="259"/>
      <c r="AV79" s="259"/>
      <c r="AW79" s="259"/>
      <c r="AX79" s="259"/>
      <c r="AY79" s="259"/>
      <c r="AZ79" s="259"/>
      <c r="BA79" s="259"/>
      <c r="BB79" s="259"/>
      <c r="BC79" s="259"/>
      <c r="BD79" s="259"/>
      <c r="BE79" s="259"/>
      <c r="BF79" s="259"/>
      <c r="BG79" s="259"/>
      <c r="BH79" s="259"/>
      <c r="BI79" s="259"/>
    </row>
    <row r="80" spans="1:61">
      <c r="A80" s="259"/>
      <c r="B80" s="259"/>
      <c r="C80" s="259"/>
      <c r="D80" s="259"/>
      <c r="E80" s="259"/>
      <c r="F80" s="259"/>
      <c r="G80" s="259"/>
      <c r="H80" s="236"/>
      <c r="I80" s="236"/>
      <c r="J80" s="236"/>
      <c r="K80" s="236"/>
      <c r="L80" s="236"/>
      <c r="M80" s="236"/>
      <c r="N80" s="236"/>
      <c r="O80" s="236"/>
      <c r="P80" s="236"/>
      <c r="Q80" s="236"/>
      <c r="R80" s="236"/>
      <c r="S80" s="236"/>
      <c r="T80" s="236"/>
      <c r="U80" s="236"/>
      <c r="V80" s="236"/>
      <c r="W80" s="236"/>
      <c r="X80" s="236"/>
      <c r="Y80" s="259"/>
      <c r="Z80" s="259"/>
      <c r="AA80" s="259"/>
      <c r="AB80" s="259"/>
      <c r="AC80" s="259"/>
      <c r="AD80" s="259"/>
      <c r="AE80" s="259"/>
      <c r="AF80" s="259"/>
      <c r="AG80" s="259"/>
      <c r="AH80" s="259"/>
      <c r="AI80" s="259"/>
      <c r="AJ80" s="259"/>
      <c r="AK80" s="259"/>
      <c r="AL80" s="259"/>
      <c r="AM80" s="259"/>
      <c r="AN80" s="259"/>
      <c r="AO80" s="259"/>
      <c r="AP80" s="259"/>
      <c r="AQ80" s="259"/>
      <c r="AR80" s="259"/>
      <c r="AS80" s="259"/>
      <c r="AT80" s="259"/>
      <c r="AU80" s="259"/>
      <c r="AV80" s="259"/>
      <c r="AW80" s="259"/>
      <c r="AX80" s="259"/>
      <c r="AY80" s="259"/>
      <c r="AZ80" s="259"/>
      <c r="BA80" s="259"/>
      <c r="BB80" s="259"/>
      <c r="BC80" s="259"/>
      <c r="BD80" s="259"/>
      <c r="BE80" s="259"/>
      <c r="BF80" s="259"/>
      <c r="BG80" s="259"/>
      <c r="BH80" s="259"/>
      <c r="BI80" s="259"/>
    </row>
    <row r="81" spans="1:61">
      <c r="A81" s="408" t="s">
        <v>241</v>
      </c>
      <c r="B81" s="402"/>
      <c r="C81" s="402"/>
      <c r="D81" s="402"/>
      <c r="E81" s="402"/>
      <c r="F81" s="402"/>
      <c r="G81" s="403"/>
      <c r="H81" s="273"/>
      <c r="I81" s="274" t="s">
        <v>242</v>
      </c>
      <c r="J81" s="275"/>
      <c r="K81" s="275"/>
      <c r="L81" s="275"/>
      <c r="M81" s="276"/>
      <c r="N81" s="229"/>
      <c r="O81" s="229"/>
      <c r="P81" s="229"/>
      <c r="Q81" s="229"/>
      <c r="R81" s="229"/>
      <c r="S81" s="229"/>
      <c r="T81" s="229"/>
      <c r="U81" s="229"/>
      <c r="V81" s="229"/>
      <c r="W81" s="230"/>
      <c r="X81" s="268"/>
      <c r="Y81" s="255" t="s">
        <v>243</v>
      </c>
      <c r="Z81" s="255"/>
      <c r="AA81" s="255"/>
      <c r="AB81" s="255"/>
      <c r="AC81" s="255"/>
      <c r="AD81" s="255"/>
      <c r="AE81" s="255" t="s">
        <v>244</v>
      </c>
      <c r="AF81" s="255"/>
      <c r="AG81" s="255"/>
      <c r="AH81" s="255"/>
      <c r="AI81" s="255" t="s">
        <v>176</v>
      </c>
      <c r="AJ81" s="255"/>
      <c r="AK81" s="412"/>
      <c r="AL81" s="412"/>
      <c r="AM81" s="255" t="s">
        <v>245</v>
      </c>
      <c r="AN81" s="255"/>
      <c r="AO81" s="255"/>
      <c r="AP81" s="255"/>
      <c r="AQ81" s="255"/>
      <c r="AR81" s="255"/>
      <c r="AS81" s="255"/>
      <c r="AT81" s="255"/>
      <c r="AU81" s="255"/>
      <c r="AV81" s="255"/>
      <c r="AW81" s="255"/>
      <c r="AX81" s="255"/>
      <c r="AY81" s="255"/>
      <c r="AZ81" s="255"/>
      <c r="BA81" s="255"/>
      <c r="BB81" s="255"/>
      <c r="BC81" s="255"/>
      <c r="BD81" s="255"/>
      <c r="BE81" s="255"/>
      <c r="BF81" s="255"/>
      <c r="BG81" s="255"/>
      <c r="BH81" s="255"/>
      <c r="BI81" s="257"/>
    </row>
    <row r="82" spans="1:61">
      <c r="A82" s="409"/>
      <c r="B82" s="410"/>
      <c r="C82" s="410"/>
      <c r="D82" s="410"/>
      <c r="E82" s="410"/>
      <c r="F82" s="410"/>
      <c r="G82" s="411"/>
      <c r="H82" s="277"/>
      <c r="I82" s="413" t="s">
        <v>246</v>
      </c>
      <c r="J82" s="414"/>
      <c r="K82" s="414"/>
      <c r="L82" s="414"/>
      <c r="M82" s="414"/>
      <c r="N82" s="414"/>
      <c r="O82" s="414"/>
      <c r="P82" s="414"/>
      <c r="Q82" s="414"/>
      <c r="R82" s="414"/>
      <c r="S82" s="414"/>
      <c r="T82" s="414"/>
      <c r="U82" s="414"/>
      <c r="V82" s="414"/>
      <c r="W82" s="415"/>
      <c r="X82" s="269"/>
      <c r="Y82" s="259"/>
      <c r="Z82" s="259" t="s">
        <v>247</v>
      </c>
      <c r="AA82" s="259"/>
      <c r="AB82" s="259"/>
      <c r="AC82" s="259"/>
      <c r="AD82" s="259"/>
      <c r="AE82" s="259" t="s">
        <v>148</v>
      </c>
      <c r="AF82" s="259"/>
      <c r="AG82" s="259"/>
      <c r="AH82" s="259" t="s">
        <v>150</v>
      </c>
      <c r="AI82" s="396"/>
      <c r="AJ82" s="405"/>
      <c r="AK82" s="405"/>
      <c r="AL82" s="405"/>
      <c r="AM82" s="405"/>
      <c r="AN82" s="405"/>
      <c r="AO82" s="405"/>
      <c r="AP82" s="405"/>
      <c r="AQ82" s="405"/>
      <c r="AR82" s="405"/>
      <c r="AS82" s="405"/>
      <c r="AT82" s="405"/>
      <c r="AU82" s="405"/>
      <c r="AV82" s="405"/>
      <c r="AW82" s="405"/>
      <c r="AX82" s="405"/>
      <c r="AY82" s="405"/>
      <c r="AZ82" s="405"/>
      <c r="BA82" s="405"/>
      <c r="BB82" s="405"/>
      <c r="BC82" s="405"/>
      <c r="BD82" s="259" t="s">
        <v>152</v>
      </c>
      <c r="BE82" s="259"/>
      <c r="BF82" s="259" t="s">
        <v>153</v>
      </c>
      <c r="BG82" s="259"/>
      <c r="BH82" s="259"/>
      <c r="BI82" s="261"/>
    </row>
    <row r="83" spans="1:61">
      <c r="A83" s="231"/>
      <c r="B83" s="232"/>
      <c r="C83" s="232"/>
      <c r="D83" s="232"/>
      <c r="E83" s="232"/>
      <c r="F83" s="232"/>
      <c r="G83" s="232"/>
      <c r="H83" s="277"/>
      <c r="I83" s="416"/>
      <c r="J83" s="417"/>
      <c r="K83" s="417"/>
      <c r="L83" s="417"/>
      <c r="M83" s="417"/>
      <c r="N83" s="417"/>
      <c r="O83" s="417"/>
      <c r="P83" s="417"/>
      <c r="Q83" s="417"/>
      <c r="R83" s="417"/>
      <c r="S83" s="417"/>
      <c r="T83" s="417"/>
      <c r="U83" s="417"/>
      <c r="V83" s="417"/>
      <c r="W83" s="418"/>
      <c r="X83" s="269"/>
      <c r="Y83" s="259" t="s">
        <v>248</v>
      </c>
      <c r="Z83" s="259"/>
      <c r="AA83" s="259"/>
      <c r="AB83" s="259"/>
      <c r="AC83" s="259"/>
      <c r="AD83" s="259"/>
      <c r="AE83" s="259"/>
      <c r="AF83" s="259"/>
      <c r="AG83" s="259"/>
      <c r="AH83" s="259"/>
      <c r="AI83" s="259"/>
      <c r="AJ83" s="259"/>
      <c r="AK83" s="259"/>
      <c r="AL83" s="259"/>
      <c r="AM83" s="259"/>
      <c r="AN83" s="259"/>
      <c r="AO83" s="259"/>
      <c r="AP83" s="259"/>
      <c r="AQ83" s="259"/>
      <c r="AR83" s="259"/>
      <c r="AS83" s="259"/>
      <c r="AT83" s="259"/>
      <c r="AU83" s="259"/>
      <c r="AV83" s="259"/>
      <c r="AW83" s="259"/>
      <c r="AX83" s="259"/>
      <c r="AY83" s="259"/>
      <c r="AZ83" s="259"/>
      <c r="BA83" s="259"/>
      <c r="BB83" s="259"/>
      <c r="BC83" s="259"/>
      <c r="BD83" s="259"/>
      <c r="BE83" s="259"/>
      <c r="BF83" s="259"/>
      <c r="BG83" s="259"/>
      <c r="BH83" s="259"/>
      <c r="BI83" s="261"/>
    </row>
    <row r="84" spans="1:61">
      <c r="A84" s="231"/>
      <c r="B84" s="232"/>
      <c r="C84" s="232"/>
      <c r="D84" s="232"/>
      <c r="E84" s="232"/>
      <c r="F84" s="232"/>
      <c r="G84" s="232"/>
      <c r="H84" s="277"/>
      <c r="I84" s="278"/>
      <c r="J84" s="279"/>
      <c r="K84" s="279"/>
      <c r="L84" s="279"/>
      <c r="M84" s="279"/>
      <c r="N84" s="279"/>
      <c r="O84" s="279"/>
      <c r="P84" s="279"/>
      <c r="Q84" s="279"/>
      <c r="R84" s="279"/>
      <c r="S84" s="279"/>
      <c r="T84" s="279"/>
      <c r="U84" s="279"/>
      <c r="V84" s="279"/>
      <c r="W84" s="280"/>
      <c r="X84" s="269"/>
      <c r="Y84" s="259"/>
      <c r="Z84" s="259" t="s">
        <v>249</v>
      </c>
      <c r="AA84" s="259"/>
      <c r="AB84" s="259"/>
      <c r="AC84" s="259"/>
      <c r="AD84" s="259"/>
      <c r="AE84" s="259" t="s">
        <v>148</v>
      </c>
      <c r="AF84" s="259"/>
      <c r="AG84" s="259"/>
      <c r="AH84" s="259" t="s">
        <v>150</v>
      </c>
      <c r="AI84" s="396"/>
      <c r="AJ84" s="396"/>
      <c r="AK84" s="396"/>
      <c r="AL84" s="396"/>
      <c r="AM84" s="396"/>
      <c r="AN84" s="396"/>
      <c r="AO84" s="396"/>
      <c r="AP84" s="396"/>
      <c r="AQ84" s="396"/>
      <c r="AR84" s="396"/>
      <c r="AS84" s="396"/>
      <c r="AT84" s="396"/>
      <c r="AU84" s="396"/>
      <c r="AV84" s="396"/>
      <c r="AW84" s="396"/>
      <c r="AX84" s="396"/>
      <c r="AY84" s="396"/>
      <c r="AZ84" s="396"/>
      <c r="BA84" s="396"/>
      <c r="BB84" s="396"/>
      <c r="BC84" s="396"/>
      <c r="BD84" s="396"/>
      <c r="BE84" s="396"/>
      <c r="BF84" s="396"/>
      <c r="BG84" s="396"/>
      <c r="BH84" s="396"/>
      <c r="BI84" s="261" t="s">
        <v>152</v>
      </c>
    </row>
    <row r="85" spans="1:61">
      <c r="A85" s="231"/>
      <c r="B85" s="232"/>
      <c r="C85" s="232"/>
      <c r="D85" s="232"/>
      <c r="E85" s="232"/>
      <c r="F85" s="232"/>
      <c r="G85" s="232"/>
      <c r="H85" s="281"/>
      <c r="I85" s="282" t="s">
        <v>250</v>
      </c>
      <c r="J85" s="283"/>
      <c r="K85" s="283"/>
      <c r="L85" s="283"/>
      <c r="M85" s="284"/>
      <c r="N85" s="236"/>
      <c r="O85" s="236"/>
      <c r="P85" s="236"/>
      <c r="Q85" s="236"/>
      <c r="R85" s="236"/>
      <c r="S85" s="236"/>
      <c r="T85" s="236"/>
      <c r="U85" s="236"/>
      <c r="V85" s="236"/>
      <c r="W85" s="237"/>
      <c r="X85" s="269"/>
      <c r="Y85" s="259"/>
      <c r="Z85" s="259"/>
      <c r="AA85" s="259"/>
      <c r="AB85" s="259"/>
      <c r="AC85" s="259"/>
      <c r="AD85" s="259"/>
      <c r="AE85" s="259"/>
      <c r="AF85" s="259"/>
      <c r="AG85" s="259"/>
      <c r="AH85" s="259"/>
      <c r="AI85" s="259"/>
      <c r="AJ85" s="259"/>
      <c r="AK85" s="259"/>
      <c r="AL85" s="259"/>
      <c r="AM85" s="259"/>
      <c r="AN85" s="259"/>
      <c r="AO85" s="259"/>
      <c r="AP85" s="259"/>
      <c r="AQ85" s="259"/>
      <c r="AR85" s="259"/>
      <c r="AS85" s="259"/>
      <c r="AT85" s="259"/>
      <c r="AU85" s="259"/>
      <c r="AV85" s="259"/>
      <c r="AW85" s="259"/>
      <c r="AX85" s="259"/>
      <c r="AY85" s="259"/>
      <c r="AZ85" s="259"/>
      <c r="BA85" s="259"/>
      <c r="BB85" s="259"/>
      <c r="BC85" s="259"/>
      <c r="BD85" s="259"/>
      <c r="BE85" s="259"/>
      <c r="BF85" s="259"/>
      <c r="BG85" s="259"/>
      <c r="BH85" s="259"/>
      <c r="BI85" s="261"/>
    </row>
    <row r="86" spans="1:61">
      <c r="A86" s="231"/>
      <c r="B86" s="232"/>
      <c r="C86" s="232"/>
      <c r="D86" s="232"/>
      <c r="E86" s="232"/>
      <c r="F86" s="232"/>
      <c r="G86" s="232"/>
      <c r="H86" s="281"/>
      <c r="I86" s="282" t="s">
        <v>251</v>
      </c>
      <c r="J86" s="283"/>
      <c r="K86" s="283"/>
      <c r="L86" s="283"/>
      <c r="M86" s="284"/>
      <c r="N86" s="236"/>
      <c r="O86" s="236"/>
      <c r="P86" s="236"/>
      <c r="Q86" s="236"/>
      <c r="R86" s="236"/>
      <c r="S86" s="236"/>
      <c r="T86" s="236"/>
      <c r="U86" s="236"/>
      <c r="V86" s="236"/>
      <c r="W86" s="237"/>
      <c r="X86" s="269"/>
      <c r="Y86" s="259" t="s">
        <v>252</v>
      </c>
      <c r="Z86" s="259"/>
      <c r="AA86" s="259"/>
      <c r="AB86" s="259"/>
      <c r="AC86" s="259"/>
      <c r="AD86" s="259"/>
      <c r="AE86" s="259"/>
      <c r="AF86" s="259"/>
      <c r="AG86" s="259"/>
      <c r="AH86" s="259"/>
      <c r="AI86" s="259"/>
      <c r="AJ86" s="259"/>
      <c r="AK86" s="259"/>
      <c r="AL86" s="259"/>
      <c r="AM86" s="259"/>
      <c r="AN86" s="259"/>
      <c r="AO86" s="259"/>
      <c r="AP86" s="259"/>
      <c r="AQ86" s="259"/>
      <c r="AR86" s="259"/>
      <c r="AS86" s="259"/>
      <c r="AT86" s="259"/>
      <c r="AU86" s="259"/>
      <c r="AV86" s="259"/>
      <c r="AW86" s="259"/>
      <c r="AX86" s="259"/>
      <c r="AY86" s="259"/>
      <c r="AZ86" s="259"/>
      <c r="BA86" s="259"/>
      <c r="BB86" s="259"/>
      <c r="BC86" s="259"/>
      <c r="BD86" s="259"/>
      <c r="BE86" s="259"/>
      <c r="BF86" s="259"/>
      <c r="BG86" s="259"/>
      <c r="BH86" s="259"/>
      <c r="BI86" s="261"/>
    </row>
    <row r="87" spans="1:61">
      <c r="A87" s="231"/>
      <c r="B87" s="232"/>
      <c r="C87" s="232"/>
      <c r="D87" s="232"/>
      <c r="E87" s="232"/>
      <c r="F87" s="232"/>
      <c r="G87" s="232"/>
      <c r="H87" s="281"/>
      <c r="I87" s="285"/>
      <c r="J87" s="286"/>
      <c r="K87" s="286"/>
      <c r="L87" s="286"/>
      <c r="M87" s="286"/>
      <c r="N87" s="236"/>
      <c r="O87" s="236"/>
      <c r="P87" s="236"/>
      <c r="Q87" s="236"/>
      <c r="R87" s="236"/>
      <c r="S87" s="236"/>
      <c r="T87" s="236"/>
      <c r="U87" s="236"/>
      <c r="V87" s="236"/>
      <c r="W87" s="237"/>
      <c r="X87" s="269"/>
      <c r="Y87" s="259"/>
      <c r="Z87" s="259" t="s">
        <v>253</v>
      </c>
      <c r="AA87" s="259"/>
      <c r="AB87" s="259"/>
      <c r="AC87" s="259"/>
      <c r="AD87" s="259" t="s">
        <v>254</v>
      </c>
      <c r="AE87" s="259"/>
      <c r="AF87" s="259"/>
      <c r="AG87" s="259"/>
      <c r="AH87" s="259" t="s">
        <v>255</v>
      </c>
      <c r="AI87" s="259"/>
      <c r="AJ87" s="259"/>
      <c r="AK87" s="259"/>
      <c r="AL87" s="259" t="s">
        <v>256</v>
      </c>
      <c r="AM87" s="259"/>
      <c r="AN87" s="259"/>
      <c r="AO87" s="259"/>
      <c r="AP87" s="259" t="s">
        <v>148</v>
      </c>
      <c r="AQ87" s="259"/>
      <c r="AR87" s="259"/>
      <c r="AS87" s="259" t="s">
        <v>257</v>
      </c>
      <c r="AT87" s="396"/>
      <c r="AU87" s="396"/>
      <c r="AV87" s="396"/>
      <c r="AW87" s="396"/>
      <c r="AX87" s="396"/>
      <c r="AY87" s="396"/>
      <c r="AZ87" s="396"/>
      <c r="BA87" s="396"/>
      <c r="BB87" s="396"/>
      <c r="BC87" s="396"/>
      <c r="BD87" s="396"/>
      <c r="BE87" s="396"/>
      <c r="BF87" s="396"/>
      <c r="BG87" s="396"/>
      <c r="BH87" s="396"/>
      <c r="BI87" s="261" t="s">
        <v>258</v>
      </c>
    </row>
    <row r="88" spans="1:61">
      <c r="A88" s="231"/>
      <c r="B88" s="232"/>
      <c r="C88" s="232"/>
      <c r="D88" s="232"/>
      <c r="E88" s="232"/>
      <c r="F88" s="232"/>
      <c r="G88" s="232"/>
      <c r="H88" s="281"/>
      <c r="I88" s="285"/>
      <c r="J88" s="286"/>
      <c r="K88" s="286"/>
      <c r="L88" s="286"/>
      <c r="M88" s="286"/>
      <c r="N88" s="236"/>
      <c r="O88" s="236"/>
      <c r="P88" s="236"/>
      <c r="Q88" s="236"/>
      <c r="R88" s="236"/>
      <c r="S88" s="236"/>
      <c r="T88" s="236"/>
      <c r="U88" s="236"/>
      <c r="V88" s="236"/>
      <c r="W88" s="237"/>
      <c r="X88" s="269"/>
      <c r="Y88" s="259" t="s">
        <v>259</v>
      </c>
      <c r="Z88" s="259"/>
      <c r="AA88" s="259"/>
      <c r="AB88" s="259"/>
      <c r="AC88" s="259"/>
      <c r="AD88" s="259"/>
      <c r="AE88" s="259"/>
      <c r="AF88" s="259"/>
      <c r="AG88" s="259"/>
      <c r="AH88" s="259" t="s">
        <v>244</v>
      </c>
      <c r="AI88" s="259"/>
      <c r="AJ88" s="259"/>
      <c r="AK88" s="259"/>
      <c r="AL88" s="259" t="s">
        <v>260</v>
      </c>
      <c r="AM88" s="259"/>
      <c r="AN88" s="396"/>
      <c r="AO88" s="396"/>
      <c r="AP88" s="259" t="s">
        <v>261</v>
      </c>
      <c r="AQ88" s="259"/>
      <c r="AR88" s="259"/>
      <c r="AS88" s="259"/>
      <c r="AT88" s="259"/>
      <c r="AU88" s="259"/>
      <c r="AV88" s="259"/>
      <c r="AW88" s="259"/>
      <c r="AX88" s="259"/>
      <c r="AY88" s="259"/>
      <c r="AZ88" s="259"/>
      <c r="BA88" s="259"/>
      <c r="BB88" s="259"/>
      <c r="BC88" s="259"/>
      <c r="BD88" s="259"/>
      <c r="BE88" s="259"/>
      <c r="BF88" s="259"/>
      <c r="BG88" s="259"/>
      <c r="BH88" s="259"/>
      <c r="BI88" s="261"/>
    </row>
    <row r="89" spans="1:61">
      <c r="A89" s="231"/>
      <c r="B89" s="232"/>
      <c r="C89" s="232"/>
      <c r="D89" s="232"/>
      <c r="E89" s="232"/>
      <c r="F89" s="232"/>
      <c r="G89" s="232"/>
      <c r="H89" s="281"/>
      <c r="I89" s="285"/>
      <c r="J89" s="286"/>
      <c r="K89" s="286"/>
      <c r="L89" s="286"/>
      <c r="M89" s="286"/>
      <c r="N89" s="236"/>
      <c r="O89" s="236"/>
      <c r="P89" s="236"/>
      <c r="Q89" s="236"/>
      <c r="R89" s="236"/>
      <c r="S89" s="236"/>
      <c r="T89" s="236"/>
      <c r="U89" s="236"/>
      <c r="V89" s="236"/>
      <c r="W89" s="237"/>
      <c r="X89" s="269"/>
      <c r="Y89" s="259"/>
      <c r="Z89" s="259" t="s">
        <v>262</v>
      </c>
      <c r="AA89" s="259"/>
      <c r="AB89" s="259"/>
      <c r="AC89" s="259"/>
      <c r="AD89" s="259"/>
      <c r="AE89" s="259" t="s">
        <v>257</v>
      </c>
      <c r="AF89" s="396"/>
      <c r="AG89" s="396"/>
      <c r="AH89" s="396"/>
      <c r="AI89" s="396"/>
      <c r="AJ89" s="396"/>
      <c r="AK89" s="396"/>
      <c r="AL89" s="259" t="s">
        <v>258</v>
      </c>
      <c r="AM89" s="259"/>
      <c r="AN89" s="259" t="s">
        <v>263</v>
      </c>
      <c r="AO89" s="259"/>
      <c r="AP89" s="259"/>
      <c r="AQ89" s="259"/>
      <c r="AR89" s="259"/>
      <c r="AS89" s="259" t="s">
        <v>257</v>
      </c>
      <c r="AT89" s="396"/>
      <c r="AU89" s="396"/>
      <c r="AV89" s="396"/>
      <c r="AW89" s="396"/>
      <c r="AX89" s="396"/>
      <c r="AY89" s="396"/>
      <c r="AZ89" s="396"/>
      <c r="BA89" s="396"/>
      <c r="BB89" s="259" t="s">
        <v>258</v>
      </c>
      <c r="BC89" s="259"/>
      <c r="BD89" s="259"/>
      <c r="BE89" s="259"/>
      <c r="BF89" s="259" t="s">
        <v>153</v>
      </c>
      <c r="BG89" s="259"/>
      <c r="BH89" s="259"/>
      <c r="BI89" s="261"/>
    </row>
    <row r="90" spans="1:61">
      <c r="A90" s="231"/>
      <c r="B90" s="232"/>
      <c r="C90" s="232"/>
      <c r="D90" s="232"/>
      <c r="E90" s="232"/>
      <c r="F90" s="232"/>
      <c r="G90" s="232"/>
      <c r="H90" s="281"/>
      <c r="I90" s="287"/>
      <c r="J90" s="288"/>
      <c r="K90" s="283"/>
      <c r="L90" s="283"/>
      <c r="M90" s="286"/>
      <c r="N90" s="236"/>
      <c r="O90" s="236"/>
      <c r="P90" s="236"/>
      <c r="Q90" s="236"/>
      <c r="R90" s="236"/>
      <c r="S90" s="236"/>
      <c r="T90" s="236"/>
      <c r="U90" s="236"/>
      <c r="V90" s="236"/>
      <c r="W90" s="237"/>
      <c r="X90" s="269"/>
      <c r="Y90" s="259"/>
      <c r="Z90" s="259" t="s">
        <v>148</v>
      </c>
      <c r="AA90" s="259"/>
      <c r="AB90" s="259"/>
      <c r="AC90" s="259" t="s">
        <v>257</v>
      </c>
      <c r="AD90" s="396"/>
      <c r="AE90" s="396"/>
      <c r="AF90" s="396"/>
      <c r="AG90" s="396"/>
      <c r="AH90" s="396"/>
      <c r="AI90" s="396"/>
      <c r="AJ90" s="396"/>
      <c r="AK90" s="396"/>
      <c r="AL90" s="259" t="s">
        <v>258</v>
      </c>
      <c r="AM90" s="259"/>
      <c r="AN90" s="259"/>
      <c r="AO90" s="259"/>
      <c r="AP90" s="259"/>
      <c r="AQ90" s="259"/>
      <c r="AR90" s="259"/>
      <c r="AS90" s="259"/>
      <c r="AT90" s="259"/>
      <c r="AU90" s="259"/>
      <c r="AV90" s="259"/>
      <c r="AW90" s="259"/>
      <c r="AX90" s="259"/>
      <c r="AY90" s="259"/>
      <c r="AZ90" s="259"/>
      <c r="BA90" s="259"/>
      <c r="BB90" s="259"/>
      <c r="BC90" s="259"/>
      <c r="BD90" s="259"/>
      <c r="BE90" s="259"/>
      <c r="BF90" s="259" t="s">
        <v>264</v>
      </c>
      <c r="BG90" s="259"/>
      <c r="BH90" s="259"/>
      <c r="BI90" s="261"/>
    </row>
    <row r="91" spans="1:61">
      <c r="A91" s="231"/>
      <c r="B91" s="232"/>
      <c r="C91" s="232"/>
      <c r="D91" s="232"/>
      <c r="E91" s="232"/>
      <c r="F91" s="232"/>
      <c r="G91" s="232"/>
      <c r="H91" s="281"/>
      <c r="I91" s="287"/>
      <c r="J91" s="288"/>
      <c r="K91" s="288"/>
      <c r="L91" s="288"/>
      <c r="M91" s="289"/>
      <c r="N91" s="290"/>
      <c r="O91" s="290"/>
      <c r="P91" s="290"/>
      <c r="Q91" s="290"/>
      <c r="R91" s="290"/>
      <c r="S91" s="290"/>
      <c r="T91" s="290"/>
      <c r="U91" s="290"/>
      <c r="V91" s="290"/>
      <c r="W91" s="237"/>
      <c r="X91" s="269"/>
      <c r="Y91" s="259" t="s">
        <v>265</v>
      </c>
      <c r="Z91" s="259"/>
      <c r="AA91" s="259"/>
      <c r="AB91" s="259"/>
      <c r="AC91" s="259"/>
      <c r="AD91" s="259"/>
      <c r="AE91" s="259"/>
      <c r="AF91" s="259"/>
      <c r="AG91" s="259"/>
      <c r="AH91" s="259"/>
      <c r="AI91" s="259"/>
      <c r="AJ91" s="259"/>
      <c r="AK91" s="259"/>
      <c r="AL91" s="259"/>
      <c r="AM91" s="259"/>
      <c r="AN91" s="259"/>
      <c r="AO91" s="259"/>
      <c r="AP91" s="259"/>
      <c r="AQ91" s="259"/>
      <c r="AR91" s="259"/>
      <c r="AS91" s="259"/>
      <c r="AT91" s="259"/>
      <c r="AU91" s="259"/>
      <c r="AV91" s="259"/>
      <c r="AW91" s="259"/>
      <c r="AX91" s="259"/>
      <c r="AY91" s="259"/>
      <c r="AZ91" s="259"/>
      <c r="BA91" s="259"/>
      <c r="BB91" s="259"/>
      <c r="BC91" s="259"/>
      <c r="BD91" s="259"/>
      <c r="BE91" s="259"/>
      <c r="BF91" s="259"/>
      <c r="BG91" s="259"/>
      <c r="BH91" s="259"/>
      <c r="BI91" s="261"/>
    </row>
    <row r="92" spans="1:61">
      <c r="A92" s="231"/>
      <c r="B92" s="232"/>
      <c r="C92" s="232"/>
      <c r="D92" s="232"/>
      <c r="E92" s="232"/>
      <c r="F92" s="232"/>
      <c r="G92" s="232"/>
      <c r="H92" s="281"/>
      <c r="I92" s="287"/>
      <c r="J92" s="288"/>
      <c r="K92" s="288"/>
      <c r="L92" s="288"/>
      <c r="M92" s="289"/>
      <c r="N92" s="290"/>
      <c r="O92" s="290"/>
      <c r="P92" s="290"/>
      <c r="Q92" s="290"/>
      <c r="R92" s="290"/>
      <c r="S92" s="290"/>
      <c r="T92" s="290"/>
      <c r="U92" s="290"/>
      <c r="V92" s="290"/>
      <c r="W92" s="237"/>
      <c r="X92" s="269"/>
      <c r="Y92" s="259"/>
      <c r="Z92" s="259" t="s">
        <v>266</v>
      </c>
      <c r="AA92" s="259"/>
      <c r="AB92" s="259"/>
      <c r="AC92" s="259" t="s">
        <v>257</v>
      </c>
      <c r="AD92" s="259"/>
      <c r="AE92" s="259" t="s">
        <v>267</v>
      </c>
      <c r="AF92" s="259"/>
      <c r="AG92" s="259"/>
      <c r="AH92" s="259"/>
      <c r="AI92" s="259" t="s">
        <v>249</v>
      </c>
      <c r="AJ92" s="259"/>
      <c r="AK92" s="259"/>
      <c r="AL92" s="259"/>
      <c r="AM92" s="259"/>
      <c r="AN92" s="259" t="s">
        <v>268</v>
      </c>
      <c r="AO92" s="259"/>
      <c r="AP92" s="259"/>
      <c r="AQ92" s="259" t="s">
        <v>258</v>
      </c>
      <c r="AR92" s="259"/>
      <c r="AS92" s="259" t="s">
        <v>148</v>
      </c>
      <c r="AT92" s="259"/>
      <c r="AU92" s="259"/>
      <c r="AV92" s="259" t="s">
        <v>257</v>
      </c>
      <c r="AW92" s="396"/>
      <c r="AX92" s="396"/>
      <c r="AY92" s="396"/>
      <c r="AZ92" s="396"/>
      <c r="BA92" s="396"/>
      <c r="BB92" s="396"/>
      <c r="BC92" s="396"/>
      <c r="BD92" s="259" t="s">
        <v>258</v>
      </c>
      <c r="BE92" s="259"/>
      <c r="BF92" s="259" t="s">
        <v>153</v>
      </c>
      <c r="BG92" s="259"/>
      <c r="BH92" s="259"/>
      <c r="BI92" s="261"/>
    </row>
    <row r="93" spans="1:61">
      <c r="A93" s="231"/>
      <c r="B93" s="232"/>
      <c r="C93" s="232"/>
      <c r="D93" s="232"/>
      <c r="E93" s="232"/>
      <c r="F93" s="232"/>
      <c r="G93" s="232"/>
      <c r="H93" s="281"/>
      <c r="I93" s="287" t="s">
        <v>269</v>
      </c>
      <c r="J93" s="288"/>
      <c r="K93" s="283"/>
      <c r="L93" s="283"/>
      <c r="M93" s="286"/>
      <c r="N93" s="236"/>
      <c r="O93" s="236"/>
      <c r="P93" s="236"/>
      <c r="Q93" s="236"/>
      <c r="R93" s="236"/>
      <c r="S93" s="236"/>
      <c r="T93" s="236"/>
      <c r="U93" s="236"/>
      <c r="V93" s="236"/>
      <c r="W93" s="237"/>
      <c r="X93" s="269"/>
      <c r="Y93" s="259" t="s">
        <v>270</v>
      </c>
      <c r="Z93" s="259"/>
      <c r="AA93" s="259"/>
      <c r="AB93" s="259"/>
      <c r="AC93" s="259"/>
      <c r="AD93" s="259"/>
      <c r="AE93" s="259"/>
      <c r="AF93" s="259" t="s">
        <v>257</v>
      </c>
      <c r="AG93" s="396"/>
      <c r="AH93" s="396"/>
      <c r="AI93" s="396"/>
      <c r="AJ93" s="396"/>
      <c r="AK93" s="396"/>
      <c r="AL93" s="396"/>
      <c r="AM93" s="396"/>
      <c r="AN93" s="396"/>
      <c r="AO93" s="396"/>
      <c r="AP93" s="396"/>
      <c r="AQ93" s="396"/>
      <c r="AR93" s="396"/>
      <c r="AS93" s="396"/>
      <c r="AT93" s="396"/>
      <c r="AU93" s="396"/>
      <c r="AV93" s="396"/>
      <c r="AW93" s="396"/>
      <c r="AX93" s="396"/>
      <c r="AY93" s="396"/>
      <c r="AZ93" s="396"/>
      <c r="BA93" s="396"/>
      <c r="BB93" s="396"/>
      <c r="BC93" s="396"/>
      <c r="BD93" s="396"/>
      <c r="BE93" s="396"/>
      <c r="BF93" s="396"/>
      <c r="BG93" s="396"/>
      <c r="BH93" s="396"/>
      <c r="BI93" s="261" t="s">
        <v>258</v>
      </c>
    </row>
    <row r="94" spans="1:61">
      <c r="A94" s="231"/>
      <c r="B94" s="232"/>
      <c r="C94" s="232"/>
      <c r="D94" s="232"/>
      <c r="E94" s="232"/>
      <c r="F94" s="232"/>
      <c r="G94" s="232"/>
      <c r="H94" s="234"/>
      <c r="I94" s="287" t="s">
        <v>148</v>
      </c>
      <c r="J94" s="288"/>
      <c r="K94" s="288"/>
      <c r="L94" s="288" t="s">
        <v>271</v>
      </c>
      <c r="M94" s="419"/>
      <c r="N94" s="420"/>
      <c r="O94" s="420"/>
      <c r="P94" s="420"/>
      <c r="Q94" s="420"/>
      <c r="R94" s="420"/>
      <c r="S94" s="420"/>
      <c r="T94" s="420"/>
      <c r="U94" s="420"/>
      <c r="V94" s="420"/>
      <c r="W94" s="237" t="s">
        <v>272</v>
      </c>
      <c r="X94" s="269"/>
      <c r="Y94" s="259" t="s">
        <v>148</v>
      </c>
      <c r="Z94" s="259"/>
      <c r="AA94" s="259"/>
      <c r="AB94" s="259" t="s">
        <v>257</v>
      </c>
      <c r="AC94" s="396"/>
      <c r="AD94" s="396"/>
      <c r="AE94" s="396"/>
      <c r="AF94" s="396"/>
      <c r="AG94" s="396"/>
      <c r="AH94" s="396"/>
      <c r="AI94" s="396"/>
      <c r="AJ94" s="396"/>
      <c r="AK94" s="396"/>
      <c r="AL94" s="396"/>
      <c r="AM94" s="396"/>
      <c r="AN94" s="396"/>
      <c r="AO94" s="396"/>
      <c r="AP94" s="396"/>
      <c r="AQ94" s="396"/>
      <c r="AR94" s="396"/>
      <c r="AS94" s="396"/>
      <c r="AT94" s="396"/>
      <c r="AU94" s="396"/>
      <c r="AV94" s="396"/>
      <c r="AW94" s="396"/>
      <c r="AX94" s="396"/>
      <c r="AY94" s="396"/>
      <c r="AZ94" s="396"/>
      <c r="BA94" s="396"/>
      <c r="BB94" s="396"/>
      <c r="BC94" s="396"/>
      <c r="BD94" s="396"/>
      <c r="BE94" s="396"/>
      <c r="BF94" s="396"/>
      <c r="BG94" s="396"/>
      <c r="BH94" s="396"/>
      <c r="BI94" s="261" t="s">
        <v>258</v>
      </c>
    </row>
    <row r="95" spans="1:61">
      <c r="A95" s="231"/>
      <c r="B95" s="232"/>
      <c r="C95" s="232"/>
      <c r="D95" s="232"/>
      <c r="E95" s="232"/>
      <c r="F95" s="232"/>
      <c r="G95" s="232"/>
      <c r="H95" s="234"/>
      <c r="I95" s="287"/>
      <c r="J95" s="288"/>
      <c r="K95" s="288"/>
      <c r="L95" s="288"/>
      <c r="M95" s="291"/>
      <c r="N95" s="292"/>
      <c r="O95" s="292"/>
      <c r="P95" s="292"/>
      <c r="Q95" s="292"/>
      <c r="R95" s="292"/>
      <c r="S95" s="292"/>
      <c r="T95" s="292"/>
      <c r="U95" s="292"/>
      <c r="V95" s="292"/>
      <c r="W95" s="237"/>
      <c r="X95" s="269"/>
      <c r="Y95" s="259"/>
      <c r="Z95" s="259"/>
      <c r="AA95" s="259"/>
      <c r="AB95" s="259"/>
      <c r="AC95" s="271"/>
      <c r="AD95" s="271"/>
      <c r="AE95" s="271"/>
      <c r="AF95" s="271"/>
      <c r="AG95" s="271"/>
      <c r="AH95" s="271"/>
      <c r="AI95" s="271"/>
      <c r="AJ95" s="271"/>
      <c r="AK95" s="271"/>
      <c r="AL95" s="271"/>
      <c r="AM95" s="271"/>
      <c r="AN95" s="271"/>
      <c r="AO95" s="271"/>
      <c r="AP95" s="271"/>
      <c r="AQ95" s="271"/>
      <c r="AR95" s="271"/>
      <c r="AS95" s="271"/>
      <c r="AT95" s="271"/>
      <c r="AU95" s="271"/>
      <c r="AV95" s="271"/>
      <c r="AW95" s="271"/>
      <c r="AX95" s="271"/>
      <c r="AY95" s="271"/>
      <c r="AZ95" s="271"/>
      <c r="BA95" s="271"/>
      <c r="BB95" s="271"/>
      <c r="BC95" s="271"/>
      <c r="BD95" s="271"/>
      <c r="BE95" s="271"/>
      <c r="BF95" s="271"/>
      <c r="BG95" s="271"/>
      <c r="BH95" s="271"/>
      <c r="BI95" s="261"/>
    </row>
    <row r="96" spans="1:61">
      <c r="A96" s="267"/>
      <c r="B96" s="259"/>
      <c r="C96" s="259"/>
      <c r="D96" s="259"/>
      <c r="E96" s="259"/>
      <c r="F96" s="259"/>
      <c r="G96" s="259"/>
      <c r="H96" s="234"/>
      <c r="I96" s="287"/>
      <c r="J96" s="288"/>
      <c r="K96" s="288"/>
      <c r="L96" s="288"/>
      <c r="M96" s="291"/>
      <c r="N96" s="292"/>
      <c r="O96" s="292"/>
      <c r="P96" s="292"/>
      <c r="Q96" s="292"/>
      <c r="R96" s="292"/>
      <c r="S96" s="292"/>
      <c r="T96" s="292"/>
      <c r="U96" s="292"/>
      <c r="V96" s="292"/>
      <c r="W96" s="237"/>
      <c r="X96" s="269"/>
      <c r="Y96" s="259"/>
      <c r="Z96" s="259"/>
      <c r="AA96" s="259"/>
      <c r="AB96" s="259"/>
      <c r="AC96" s="259"/>
      <c r="AD96" s="259"/>
      <c r="AE96" s="259"/>
      <c r="AF96" s="259"/>
      <c r="AG96" s="259"/>
      <c r="AH96" s="259"/>
      <c r="AI96" s="259"/>
      <c r="AJ96" s="259"/>
      <c r="AK96" s="259"/>
      <c r="AL96" s="259"/>
      <c r="AM96" s="259"/>
      <c r="AN96" s="259"/>
      <c r="AO96" s="259"/>
      <c r="AP96" s="259"/>
      <c r="AQ96" s="259"/>
      <c r="AR96" s="259"/>
      <c r="AS96" s="259"/>
      <c r="AT96" s="259"/>
      <c r="AU96" s="259"/>
      <c r="AV96" s="259"/>
      <c r="AW96" s="259"/>
      <c r="AX96" s="259"/>
      <c r="AY96" s="259"/>
      <c r="AZ96" s="259"/>
      <c r="BA96" s="259"/>
      <c r="BB96" s="259"/>
      <c r="BC96" s="259"/>
      <c r="BD96" s="259"/>
      <c r="BE96" s="259"/>
      <c r="BF96" s="259"/>
      <c r="BG96" s="259"/>
      <c r="BH96" s="259"/>
      <c r="BI96" s="261"/>
    </row>
    <row r="97" spans="1:61">
      <c r="A97" s="401" t="s">
        <v>273</v>
      </c>
      <c r="B97" s="421"/>
      <c r="C97" s="421"/>
      <c r="D97" s="421"/>
      <c r="E97" s="421"/>
      <c r="F97" s="421"/>
      <c r="G97" s="422"/>
      <c r="H97" s="227"/>
      <c r="I97" s="293" t="s">
        <v>274</v>
      </c>
      <c r="J97" s="294"/>
      <c r="K97" s="294"/>
      <c r="L97" s="294"/>
      <c r="M97" s="295"/>
      <c r="N97" s="296"/>
      <c r="O97" s="296"/>
      <c r="P97" s="296"/>
      <c r="Q97" s="296"/>
      <c r="R97" s="296"/>
      <c r="S97" s="296"/>
      <c r="T97" s="296"/>
      <c r="U97" s="296"/>
      <c r="V97" s="296"/>
      <c r="W97" s="230"/>
      <c r="X97" s="268"/>
      <c r="Y97" s="255" t="s">
        <v>275</v>
      </c>
      <c r="Z97" s="255"/>
      <c r="AA97" s="255"/>
      <c r="AB97" s="255"/>
      <c r="AC97" s="255"/>
      <c r="AD97" s="255"/>
      <c r="AE97" s="255"/>
      <c r="AF97" s="255"/>
      <c r="AG97" s="255"/>
      <c r="AH97" s="255"/>
      <c r="AI97" s="255"/>
      <c r="AJ97" s="255"/>
      <c r="AK97" s="255"/>
      <c r="AL97" s="255"/>
      <c r="AM97" s="255"/>
      <c r="AN97" s="255"/>
      <c r="AO97" s="255"/>
      <c r="AP97" s="255"/>
      <c r="AQ97" s="255"/>
      <c r="AR97" s="255"/>
      <c r="AS97" s="255"/>
      <c r="AT97" s="255"/>
      <c r="AU97" s="255"/>
      <c r="AV97" s="255"/>
      <c r="AW97" s="255"/>
      <c r="AX97" s="255"/>
      <c r="AY97" s="255"/>
      <c r="AZ97" s="255"/>
      <c r="BA97" s="255"/>
      <c r="BB97" s="255"/>
      <c r="BC97" s="255"/>
      <c r="BD97" s="255"/>
      <c r="BE97" s="255"/>
      <c r="BF97" s="255"/>
      <c r="BG97" s="255"/>
      <c r="BH97" s="255"/>
      <c r="BI97" s="257"/>
    </row>
    <row r="98" spans="1:61">
      <c r="A98" s="267"/>
      <c r="B98" s="259"/>
      <c r="C98" s="259"/>
      <c r="D98" s="259"/>
      <c r="E98" s="259"/>
      <c r="F98" s="259"/>
      <c r="G98" s="261"/>
      <c r="H98" s="234"/>
      <c r="I98" s="287"/>
      <c r="J98" s="288"/>
      <c r="K98" s="288"/>
      <c r="L98" s="288"/>
      <c r="M98" s="291"/>
      <c r="N98" s="292"/>
      <c r="O98" s="292"/>
      <c r="P98" s="292"/>
      <c r="Q98" s="292"/>
      <c r="R98" s="292"/>
      <c r="S98" s="292"/>
      <c r="T98" s="292"/>
      <c r="U98" s="292"/>
      <c r="V98" s="292"/>
      <c r="W98" s="237"/>
      <c r="X98" s="269"/>
      <c r="Y98" s="259"/>
      <c r="Z98" s="259" t="s">
        <v>216</v>
      </c>
      <c r="AA98" s="259"/>
      <c r="AB98" s="259"/>
      <c r="AC98" s="259"/>
      <c r="AD98" s="259" t="s">
        <v>1</v>
      </c>
      <c r="AE98" s="259"/>
      <c r="AF98" s="259"/>
      <c r="AG98" s="259"/>
      <c r="AH98" s="259" t="s">
        <v>217</v>
      </c>
      <c r="AI98" s="259"/>
      <c r="AJ98" s="259"/>
      <c r="AK98" s="259"/>
      <c r="AL98" s="259" t="s">
        <v>218</v>
      </c>
      <c r="AM98" s="259"/>
      <c r="AN98" s="259"/>
      <c r="AO98" s="259"/>
      <c r="AP98" s="259" t="s">
        <v>219</v>
      </c>
      <c r="AQ98" s="259"/>
      <c r="AR98" s="259"/>
      <c r="AS98" s="259"/>
      <c r="AT98" s="259" t="s">
        <v>276</v>
      </c>
      <c r="AU98" s="259"/>
      <c r="AV98" s="259"/>
      <c r="AW98" s="259"/>
      <c r="AX98" s="259" t="s">
        <v>148</v>
      </c>
      <c r="AY98" s="259"/>
      <c r="AZ98" s="259"/>
      <c r="BA98" s="259" t="s">
        <v>223</v>
      </c>
      <c r="BB98" s="259"/>
      <c r="BC98" s="259"/>
      <c r="BD98" s="259"/>
      <c r="BE98" s="259"/>
      <c r="BF98" s="259"/>
      <c r="BG98" s="259"/>
      <c r="BH98" s="259"/>
      <c r="BI98" s="261" t="s">
        <v>224</v>
      </c>
    </row>
    <row r="99" spans="1:61">
      <c r="A99" s="267"/>
      <c r="B99" s="259"/>
      <c r="C99" s="259"/>
      <c r="D99" s="259"/>
      <c r="E99" s="259"/>
      <c r="F99" s="259"/>
      <c r="G99" s="261"/>
      <c r="H99" s="234"/>
      <c r="I99" s="287"/>
      <c r="J99" s="288"/>
      <c r="K99" s="288"/>
      <c r="L99" s="288"/>
      <c r="M99" s="291"/>
      <c r="N99" s="292"/>
      <c r="O99" s="292"/>
      <c r="P99" s="292"/>
      <c r="Q99" s="292"/>
      <c r="R99" s="292"/>
      <c r="S99" s="292"/>
      <c r="T99" s="292"/>
      <c r="U99" s="292"/>
      <c r="V99" s="292"/>
      <c r="W99" s="237"/>
      <c r="X99" s="269"/>
      <c r="Y99" s="259" t="s">
        <v>277</v>
      </c>
      <c r="Z99" s="259"/>
      <c r="AA99" s="259"/>
      <c r="AB99" s="259"/>
      <c r="AC99" s="259" t="s">
        <v>223</v>
      </c>
      <c r="AE99" s="259" t="s">
        <v>56</v>
      </c>
      <c r="AF99" s="259"/>
      <c r="AG99" s="396"/>
      <c r="AH99" s="396"/>
      <c r="AI99" s="259" t="s">
        <v>168</v>
      </c>
      <c r="AJ99" s="396"/>
      <c r="AK99" s="396"/>
      <c r="AL99" s="259" t="s">
        <v>169</v>
      </c>
      <c r="AM99" s="259"/>
      <c r="AN99" s="259"/>
      <c r="AO99" s="259"/>
      <c r="AP99" s="259" t="s">
        <v>153</v>
      </c>
      <c r="AQ99" s="259"/>
      <c r="AR99" s="259"/>
      <c r="AS99" s="259"/>
      <c r="AT99" s="259" t="s">
        <v>278</v>
      </c>
      <c r="AU99" s="259"/>
      <c r="AV99" s="259"/>
      <c r="AW99" s="259"/>
      <c r="AX99" s="259"/>
      <c r="AY99" s="259"/>
      <c r="AZ99" s="259"/>
      <c r="BA99" s="259"/>
      <c r="BB99" s="259"/>
      <c r="BC99" s="259"/>
      <c r="BD99" s="259"/>
      <c r="BE99" s="259"/>
      <c r="BF99" s="259"/>
      <c r="BG99" s="259"/>
      <c r="BH99" s="259"/>
      <c r="BI99" s="261"/>
    </row>
    <row r="100" spans="1:61">
      <c r="A100" s="267"/>
      <c r="B100" s="259"/>
      <c r="C100" s="259"/>
      <c r="D100" s="259"/>
      <c r="E100" s="259"/>
      <c r="F100" s="259"/>
      <c r="G100" s="261"/>
      <c r="H100" s="234"/>
      <c r="I100" s="287"/>
      <c r="J100" s="288"/>
      <c r="K100" s="288"/>
      <c r="L100" s="288"/>
      <c r="M100" s="291"/>
      <c r="N100" s="292"/>
      <c r="O100" s="292"/>
      <c r="P100" s="292"/>
      <c r="Q100" s="292"/>
      <c r="R100" s="292"/>
      <c r="S100" s="292"/>
      <c r="T100" s="292"/>
      <c r="U100" s="292"/>
      <c r="V100" s="292"/>
      <c r="W100" s="237"/>
      <c r="X100" s="269"/>
      <c r="Y100" s="259" t="s">
        <v>279</v>
      </c>
      <c r="Z100" s="259"/>
      <c r="AA100" s="259"/>
      <c r="AB100" s="259" t="s">
        <v>280</v>
      </c>
      <c r="AC100" s="396"/>
      <c r="AD100" s="405"/>
      <c r="AE100" s="405"/>
      <c r="AF100" s="405"/>
      <c r="AG100" s="405"/>
      <c r="AH100" s="405"/>
      <c r="AI100" s="405"/>
      <c r="AJ100" s="405"/>
      <c r="AK100" s="405"/>
      <c r="AL100" s="405"/>
      <c r="AM100" s="405"/>
      <c r="AN100" s="405"/>
      <c r="AO100" s="405"/>
      <c r="AP100" s="405"/>
      <c r="AQ100" s="405"/>
      <c r="AR100" s="405"/>
      <c r="AS100" s="405"/>
      <c r="AT100" s="405"/>
      <c r="AU100" s="405"/>
      <c r="AV100" s="405"/>
      <c r="AW100" s="405"/>
      <c r="AX100" s="405"/>
      <c r="AY100" s="405"/>
      <c r="AZ100" s="405"/>
      <c r="BA100" s="405"/>
      <c r="BB100" s="405"/>
      <c r="BC100" s="405"/>
      <c r="BD100" s="405"/>
      <c r="BE100" s="405"/>
      <c r="BF100" s="405"/>
      <c r="BG100" s="405"/>
      <c r="BH100" s="405"/>
      <c r="BI100" s="261" t="s">
        <v>281</v>
      </c>
    </row>
    <row r="101" spans="1:61">
      <c r="A101" s="267"/>
      <c r="B101" s="259"/>
      <c r="C101" s="259"/>
      <c r="D101" s="259"/>
      <c r="E101" s="259"/>
      <c r="F101" s="259"/>
      <c r="G101" s="261"/>
      <c r="H101" s="234"/>
      <c r="I101" s="287" t="s">
        <v>148</v>
      </c>
      <c r="J101" s="288"/>
      <c r="K101" s="288"/>
      <c r="L101" s="288"/>
      <c r="M101" s="291"/>
      <c r="N101" s="292"/>
      <c r="O101" s="292"/>
      <c r="P101" s="292"/>
      <c r="Q101" s="292"/>
      <c r="R101" s="292"/>
      <c r="S101" s="292"/>
      <c r="T101" s="292"/>
      <c r="U101" s="292"/>
      <c r="V101" s="292"/>
      <c r="W101" s="237"/>
      <c r="X101" s="269"/>
      <c r="Y101" s="259" t="s">
        <v>148</v>
      </c>
      <c r="Z101" s="259"/>
      <c r="AA101" s="259"/>
      <c r="AB101" s="259" t="s">
        <v>280</v>
      </c>
      <c r="AC101" s="396"/>
      <c r="AD101" s="405"/>
      <c r="AE101" s="405"/>
      <c r="AF101" s="405"/>
      <c r="AG101" s="405"/>
      <c r="AH101" s="405"/>
      <c r="AI101" s="405"/>
      <c r="AJ101" s="405"/>
      <c r="AK101" s="405"/>
      <c r="AL101" s="405"/>
      <c r="AM101" s="405"/>
      <c r="AN101" s="405"/>
      <c r="AO101" s="405"/>
      <c r="AP101" s="405"/>
      <c r="AQ101" s="405"/>
      <c r="AR101" s="405"/>
      <c r="AS101" s="405"/>
      <c r="AT101" s="405"/>
      <c r="AU101" s="405"/>
      <c r="AV101" s="405"/>
      <c r="AW101" s="405"/>
      <c r="AX101" s="405"/>
      <c r="AY101" s="405"/>
      <c r="AZ101" s="405"/>
      <c r="BA101" s="405"/>
      <c r="BB101" s="405"/>
      <c r="BC101" s="405"/>
      <c r="BD101" s="405"/>
      <c r="BE101" s="405"/>
      <c r="BF101" s="405"/>
      <c r="BG101" s="405"/>
      <c r="BH101" s="405"/>
      <c r="BI101" s="261" t="s">
        <v>281</v>
      </c>
    </row>
    <row r="102" spans="1:61">
      <c r="A102" s="263"/>
      <c r="B102" s="264"/>
      <c r="C102" s="264"/>
      <c r="D102" s="264"/>
      <c r="E102" s="264"/>
      <c r="F102" s="264"/>
      <c r="G102" s="265"/>
      <c r="H102" s="245"/>
      <c r="I102" s="297"/>
      <c r="J102" s="298"/>
      <c r="K102" s="298"/>
      <c r="L102" s="298"/>
      <c r="M102" s="299"/>
      <c r="N102" s="300"/>
      <c r="O102" s="300"/>
      <c r="P102" s="300"/>
      <c r="Q102" s="300"/>
      <c r="R102" s="300"/>
      <c r="S102" s="300"/>
      <c r="T102" s="300"/>
      <c r="U102" s="300"/>
      <c r="V102" s="300"/>
      <c r="W102" s="244"/>
      <c r="X102" s="270"/>
      <c r="Y102" s="264"/>
      <c r="Z102" s="264"/>
      <c r="AA102" s="264"/>
      <c r="AB102" s="264"/>
      <c r="AC102" s="264"/>
      <c r="AD102" s="264"/>
      <c r="AE102" s="264"/>
      <c r="AF102" s="264"/>
      <c r="AG102" s="264"/>
      <c r="AH102" s="264"/>
      <c r="AI102" s="264"/>
      <c r="AJ102" s="264"/>
      <c r="AK102" s="264"/>
      <c r="AL102" s="264"/>
      <c r="AM102" s="264"/>
      <c r="AN102" s="264"/>
      <c r="AO102" s="264"/>
      <c r="AP102" s="264"/>
      <c r="AQ102" s="264"/>
      <c r="AR102" s="264"/>
      <c r="AS102" s="264"/>
      <c r="AT102" s="264"/>
      <c r="AU102" s="264"/>
      <c r="AV102" s="264"/>
      <c r="AW102" s="264"/>
      <c r="AX102" s="264"/>
      <c r="AY102" s="264"/>
      <c r="AZ102" s="264"/>
      <c r="BA102" s="264"/>
      <c r="BB102" s="264"/>
      <c r="BC102" s="264"/>
      <c r="BD102" s="264"/>
      <c r="BE102" s="264"/>
      <c r="BF102" s="264"/>
      <c r="BG102" s="264"/>
      <c r="BH102" s="264"/>
      <c r="BI102" s="265"/>
    </row>
    <row r="103" spans="1:61">
      <c r="A103" s="408" t="s">
        <v>282</v>
      </c>
      <c r="B103" s="423"/>
      <c r="C103" s="423"/>
      <c r="D103" s="423"/>
      <c r="E103" s="423"/>
      <c r="F103" s="423"/>
      <c r="G103" s="424"/>
      <c r="H103" s="227"/>
      <c r="I103" s="293" t="s">
        <v>283</v>
      </c>
      <c r="J103" s="294"/>
      <c r="K103" s="294"/>
      <c r="L103" s="294"/>
      <c r="M103" s="295"/>
      <c r="N103" s="296"/>
      <c r="O103" s="296"/>
      <c r="P103" s="296"/>
      <c r="Q103" s="296"/>
      <c r="R103" s="296"/>
      <c r="S103" s="296"/>
      <c r="T103" s="296"/>
      <c r="U103" s="296"/>
      <c r="V103" s="296"/>
      <c r="W103" s="230"/>
      <c r="X103" s="268"/>
      <c r="Y103" s="255" t="s">
        <v>284</v>
      </c>
      <c r="Z103" s="255"/>
      <c r="AA103" s="255"/>
      <c r="AB103" s="255"/>
      <c r="AC103" s="255"/>
      <c r="AD103" s="255"/>
      <c r="AE103" s="255"/>
      <c r="AF103" s="255" t="s">
        <v>280</v>
      </c>
      <c r="AG103" s="412"/>
      <c r="AH103" s="412"/>
      <c r="AI103" s="412"/>
      <c r="AJ103" s="412"/>
      <c r="AK103" s="412"/>
      <c r="AL103" s="412"/>
      <c r="AM103" s="412"/>
      <c r="AN103" s="412"/>
      <c r="AO103" s="412"/>
      <c r="AP103" s="412"/>
      <c r="AQ103" s="412"/>
      <c r="AR103" s="412"/>
      <c r="AS103" s="412"/>
      <c r="AT103" s="412"/>
      <c r="AU103" s="412"/>
      <c r="AV103" s="412"/>
      <c r="AW103" s="412"/>
      <c r="AX103" s="412"/>
      <c r="AY103" s="412"/>
      <c r="AZ103" s="412"/>
      <c r="BA103" s="412"/>
      <c r="BB103" s="412"/>
      <c r="BC103" s="412"/>
      <c r="BD103" s="412"/>
      <c r="BE103" s="412"/>
      <c r="BF103" s="412"/>
      <c r="BG103" s="412"/>
      <c r="BH103" s="412"/>
      <c r="BI103" s="257" t="s">
        <v>281</v>
      </c>
    </row>
    <row r="104" spans="1:61">
      <c r="A104" s="425"/>
      <c r="B104" s="426"/>
      <c r="C104" s="426"/>
      <c r="D104" s="426"/>
      <c r="E104" s="426"/>
      <c r="F104" s="426"/>
      <c r="G104" s="427"/>
      <c r="H104" s="234"/>
      <c r="I104" s="287" t="s">
        <v>285</v>
      </c>
      <c r="J104" s="288"/>
      <c r="K104" s="288"/>
      <c r="L104" s="288"/>
      <c r="M104" s="291"/>
      <c r="N104" s="292"/>
      <c r="O104" s="292"/>
      <c r="P104" s="292"/>
      <c r="Q104" s="292"/>
      <c r="R104" s="292"/>
      <c r="S104" s="292"/>
      <c r="T104" s="292"/>
      <c r="U104" s="292"/>
      <c r="V104" s="292"/>
      <c r="W104" s="237"/>
      <c r="X104" s="269"/>
      <c r="Y104" s="259" t="s">
        <v>189</v>
      </c>
      <c r="Z104" s="259"/>
      <c r="AA104" s="259"/>
      <c r="AB104" s="259"/>
      <c r="AC104" s="259" t="s">
        <v>280</v>
      </c>
      <c r="AD104" s="396"/>
      <c r="AE104" s="396"/>
      <c r="AF104" s="396"/>
      <c r="AG104" s="396"/>
      <c r="AH104" s="396"/>
      <c r="AI104" s="396"/>
      <c r="AJ104" s="396"/>
      <c r="AK104" s="396"/>
      <c r="AL104" s="396"/>
      <c r="AM104" s="396"/>
      <c r="AN104" s="396"/>
      <c r="AO104" s="396"/>
      <c r="AP104" s="396"/>
      <c r="AQ104" s="396"/>
      <c r="AR104" s="396"/>
      <c r="AS104" s="396"/>
      <c r="AT104" s="396"/>
      <c r="AU104" s="396"/>
      <c r="AV104" s="396"/>
      <c r="AW104" s="396"/>
      <c r="AX104" s="396"/>
      <c r="AY104" s="396"/>
      <c r="AZ104" s="396"/>
      <c r="BA104" s="396"/>
      <c r="BB104" s="396"/>
      <c r="BC104" s="396"/>
      <c r="BD104" s="396"/>
      <c r="BE104" s="396"/>
      <c r="BF104" s="396"/>
      <c r="BG104" s="396"/>
      <c r="BH104" s="396"/>
      <c r="BI104" s="261" t="s">
        <v>281</v>
      </c>
    </row>
    <row r="105" spans="1:61">
      <c r="A105" s="231"/>
      <c r="B105" s="232"/>
      <c r="C105" s="232"/>
      <c r="D105" s="232"/>
      <c r="E105" s="232"/>
      <c r="F105" s="232"/>
      <c r="G105" s="233"/>
      <c r="H105" s="234"/>
      <c r="I105" s="287"/>
      <c r="J105" s="288"/>
      <c r="K105" s="288"/>
      <c r="L105" s="288"/>
      <c r="M105" s="291"/>
      <c r="N105" s="292"/>
      <c r="O105" s="292"/>
      <c r="P105" s="292"/>
      <c r="Q105" s="292"/>
      <c r="R105" s="292"/>
      <c r="S105" s="292"/>
      <c r="T105" s="292"/>
      <c r="U105" s="292"/>
      <c r="V105" s="292"/>
      <c r="W105" s="237"/>
      <c r="X105" s="269"/>
      <c r="Y105" s="259" t="s">
        <v>148</v>
      </c>
      <c r="Z105" s="259"/>
      <c r="AA105" s="259"/>
      <c r="AB105" s="259" t="s">
        <v>280</v>
      </c>
      <c r="AC105" s="396"/>
      <c r="AD105" s="396"/>
      <c r="AE105" s="396"/>
      <c r="AF105" s="396"/>
      <c r="AG105" s="396"/>
      <c r="AH105" s="396"/>
      <c r="AI105" s="396"/>
      <c r="AJ105" s="396"/>
      <c r="AK105" s="396"/>
      <c r="AL105" s="396"/>
      <c r="AM105" s="396"/>
      <c r="AN105" s="396"/>
      <c r="AO105" s="396"/>
      <c r="AP105" s="396"/>
      <c r="AQ105" s="396"/>
      <c r="AR105" s="396"/>
      <c r="AS105" s="396"/>
      <c r="AT105" s="396"/>
      <c r="AU105" s="396"/>
      <c r="AV105" s="396"/>
      <c r="AW105" s="396"/>
      <c r="AX105" s="396"/>
      <c r="AY105" s="396"/>
      <c r="AZ105" s="396"/>
      <c r="BA105" s="396"/>
      <c r="BB105" s="396"/>
      <c r="BC105" s="396"/>
      <c r="BD105" s="396"/>
      <c r="BE105" s="396"/>
      <c r="BF105" s="396"/>
      <c r="BG105" s="396"/>
      <c r="BH105" s="396"/>
      <c r="BI105" s="261" t="s">
        <v>281</v>
      </c>
    </row>
    <row r="106" spans="1:61">
      <c r="A106" s="238"/>
      <c r="B106" s="239"/>
      <c r="C106" s="239"/>
      <c r="D106" s="239"/>
      <c r="E106" s="239"/>
      <c r="F106" s="239"/>
      <c r="G106" s="240"/>
      <c r="H106" s="245"/>
      <c r="I106" s="297"/>
      <c r="J106" s="298"/>
      <c r="K106" s="298"/>
      <c r="L106" s="298"/>
      <c r="M106" s="299"/>
      <c r="N106" s="300"/>
      <c r="O106" s="300"/>
      <c r="P106" s="300"/>
      <c r="Q106" s="300"/>
      <c r="R106" s="300"/>
      <c r="S106" s="300"/>
      <c r="T106" s="300"/>
      <c r="U106" s="300"/>
      <c r="V106" s="300"/>
      <c r="W106" s="244"/>
      <c r="X106" s="270"/>
      <c r="Y106" s="264"/>
      <c r="Z106" s="264"/>
      <c r="AA106" s="264"/>
      <c r="AB106" s="264"/>
      <c r="AC106" s="264"/>
      <c r="AD106" s="264"/>
      <c r="AE106" s="264"/>
      <c r="AF106" s="264"/>
      <c r="AG106" s="264"/>
      <c r="AH106" s="264"/>
      <c r="AI106" s="264"/>
      <c r="AJ106" s="264"/>
      <c r="AK106" s="264"/>
      <c r="AL106" s="264"/>
      <c r="AM106" s="264"/>
      <c r="AN106" s="264"/>
      <c r="AO106" s="264"/>
      <c r="AP106" s="264"/>
      <c r="AQ106" s="264"/>
      <c r="AR106" s="264"/>
      <c r="AS106" s="264"/>
      <c r="AT106" s="264"/>
      <c r="AU106" s="264"/>
      <c r="AV106" s="264"/>
      <c r="AW106" s="264"/>
      <c r="AX106" s="264"/>
      <c r="AY106" s="264"/>
      <c r="AZ106" s="264"/>
      <c r="BA106" s="264"/>
      <c r="BB106" s="264"/>
      <c r="BC106" s="264"/>
      <c r="BD106" s="264"/>
      <c r="BE106" s="264"/>
      <c r="BF106" s="264"/>
      <c r="BG106" s="264"/>
      <c r="BH106" s="264"/>
      <c r="BI106" s="265"/>
    </row>
    <row r="107" spans="1:61">
      <c r="A107" s="401" t="s">
        <v>286</v>
      </c>
      <c r="B107" s="421"/>
      <c r="C107" s="421"/>
      <c r="D107" s="421"/>
      <c r="E107" s="421"/>
      <c r="F107" s="421"/>
      <c r="G107" s="422"/>
      <c r="H107" s="227"/>
      <c r="I107" s="293" t="s">
        <v>287</v>
      </c>
      <c r="J107" s="294"/>
      <c r="K107" s="294"/>
      <c r="L107" s="294"/>
      <c r="M107" s="295"/>
      <c r="N107" s="296"/>
      <c r="O107" s="296"/>
      <c r="P107" s="296"/>
      <c r="Q107" s="296"/>
      <c r="R107" s="296"/>
      <c r="S107" s="296"/>
      <c r="T107" s="296"/>
      <c r="U107" s="296"/>
      <c r="V107" s="296"/>
      <c r="W107" s="230"/>
      <c r="X107" s="268"/>
      <c r="Y107" s="255" t="s">
        <v>288</v>
      </c>
      <c r="Z107" s="255"/>
      <c r="AA107" s="255"/>
      <c r="AB107" s="255"/>
      <c r="AC107" s="255"/>
      <c r="AD107" s="255"/>
      <c r="AE107" s="255"/>
      <c r="AF107" s="255"/>
      <c r="AG107" s="255"/>
      <c r="AH107" s="255"/>
      <c r="AI107" s="255"/>
      <c r="AJ107" s="255"/>
      <c r="AK107" s="255"/>
      <c r="AL107" s="255"/>
      <c r="AM107" s="255"/>
      <c r="AN107" s="255"/>
      <c r="AO107" s="255"/>
      <c r="AP107" s="255"/>
      <c r="AQ107" s="255"/>
      <c r="AR107" s="255"/>
      <c r="AS107" s="255"/>
      <c r="AT107" s="255"/>
      <c r="AU107" s="255"/>
      <c r="AV107" s="255"/>
      <c r="AW107" s="255"/>
      <c r="AX107" s="255"/>
      <c r="AY107" s="255"/>
      <c r="AZ107" s="255"/>
      <c r="BA107" s="255"/>
      <c r="BB107" s="255"/>
      <c r="BC107" s="255"/>
      <c r="BD107" s="255"/>
      <c r="BE107" s="255"/>
      <c r="BF107" s="255"/>
      <c r="BG107" s="255"/>
      <c r="BH107" s="255"/>
      <c r="BI107" s="257"/>
    </row>
    <row r="108" spans="1:61">
      <c r="A108" s="231"/>
      <c r="B108" s="232"/>
      <c r="C108" s="232"/>
      <c r="D108" s="232"/>
      <c r="E108" s="232"/>
      <c r="F108" s="232"/>
      <c r="G108" s="233"/>
      <c r="H108" s="234"/>
      <c r="I108" s="287"/>
      <c r="J108" s="288"/>
      <c r="K108" s="288"/>
      <c r="L108" s="288"/>
      <c r="M108" s="291"/>
      <c r="N108" s="292"/>
      <c r="O108" s="292"/>
      <c r="P108" s="292"/>
      <c r="Q108" s="292"/>
      <c r="R108" s="292"/>
      <c r="S108" s="292"/>
      <c r="T108" s="292"/>
      <c r="U108" s="292"/>
      <c r="V108" s="292"/>
      <c r="W108" s="237"/>
      <c r="X108" s="269"/>
      <c r="Y108" s="259"/>
      <c r="Z108" s="259" t="s">
        <v>289</v>
      </c>
      <c r="AA108" s="259"/>
      <c r="AB108" s="259"/>
      <c r="AC108" s="259"/>
      <c r="AD108" s="259" t="s">
        <v>280</v>
      </c>
      <c r="AE108" s="396"/>
      <c r="AF108" s="396"/>
      <c r="AG108" s="396"/>
      <c r="AH108" s="396"/>
      <c r="AI108" s="396"/>
      <c r="AJ108" s="396"/>
      <c r="AK108" s="396"/>
      <c r="AL108" s="396"/>
      <c r="AM108" s="396"/>
      <c r="AN108" s="396"/>
      <c r="AO108" s="259" t="s">
        <v>281</v>
      </c>
      <c r="AP108" s="259"/>
      <c r="AQ108" s="259" t="s">
        <v>290</v>
      </c>
      <c r="AR108" s="259"/>
      <c r="AS108" s="259"/>
      <c r="AT108" s="259"/>
      <c r="AU108" s="259" t="s">
        <v>280</v>
      </c>
      <c r="AV108" s="396"/>
      <c r="AW108" s="396"/>
      <c r="AX108" s="396"/>
      <c r="AY108" s="396"/>
      <c r="AZ108" s="396"/>
      <c r="BA108" s="396"/>
      <c r="BB108" s="396"/>
      <c r="BC108" s="396"/>
      <c r="BD108" s="396"/>
      <c r="BE108" s="396"/>
      <c r="BF108" s="396"/>
      <c r="BG108" s="396"/>
      <c r="BH108" s="396"/>
      <c r="BI108" s="261" t="s">
        <v>281</v>
      </c>
    </row>
    <row r="109" spans="1:61">
      <c r="A109" s="231"/>
      <c r="B109" s="232"/>
      <c r="C109" s="232"/>
      <c r="D109" s="232"/>
      <c r="E109" s="232"/>
      <c r="F109" s="232"/>
      <c r="G109" s="233"/>
      <c r="H109" s="234"/>
      <c r="I109" s="287"/>
      <c r="J109" s="288"/>
      <c r="K109" s="288"/>
      <c r="L109" s="288"/>
      <c r="M109" s="291"/>
      <c r="N109" s="292"/>
      <c r="O109" s="292"/>
      <c r="P109" s="292"/>
      <c r="Q109" s="292"/>
      <c r="R109" s="292"/>
      <c r="S109" s="292"/>
      <c r="T109" s="292"/>
      <c r="U109" s="292"/>
      <c r="V109" s="292"/>
      <c r="W109" s="237"/>
      <c r="X109" s="269"/>
      <c r="Y109" s="259"/>
      <c r="Z109" s="259" t="s">
        <v>291</v>
      </c>
      <c r="AA109" s="259"/>
      <c r="AB109" s="259"/>
      <c r="AC109" s="259"/>
      <c r="AD109" s="259" t="s">
        <v>280</v>
      </c>
      <c r="AE109" s="396"/>
      <c r="AF109" s="396"/>
      <c r="AG109" s="396"/>
      <c r="AH109" s="396"/>
      <c r="AI109" s="396"/>
      <c r="AJ109" s="396"/>
      <c r="AK109" s="396"/>
      <c r="AL109" s="396"/>
      <c r="AM109" s="396"/>
      <c r="AN109" s="396"/>
      <c r="AO109" s="259" t="s">
        <v>281</v>
      </c>
      <c r="AP109" s="259"/>
      <c r="AQ109" s="259" t="s">
        <v>292</v>
      </c>
      <c r="AR109" s="259"/>
      <c r="AS109" s="259"/>
      <c r="AT109" s="259"/>
      <c r="AU109" s="259" t="s">
        <v>280</v>
      </c>
      <c r="AV109" s="396"/>
      <c r="AW109" s="396"/>
      <c r="AX109" s="396"/>
      <c r="AY109" s="396"/>
      <c r="AZ109" s="396"/>
      <c r="BA109" s="396"/>
      <c r="BB109" s="396"/>
      <c r="BC109" s="396"/>
      <c r="BD109" s="396"/>
      <c r="BE109" s="396"/>
      <c r="BF109" s="396"/>
      <c r="BG109" s="396"/>
      <c r="BH109" s="396"/>
      <c r="BI109" s="261" t="s">
        <v>281</v>
      </c>
    </row>
    <row r="110" spans="1:61">
      <c r="A110" s="231"/>
      <c r="B110" s="232"/>
      <c r="C110" s="232"/>
      <c r="D110" s="232"/>
      <c r="E110" s="232"/>
      <c r="F110" s="232"/>
      <c r="G110" s="233"/>
      <c r="H110" s="234"/>
      <c r="I110" s="287"/>
      <c r="J110" s="288"/>
      <c r="K110" s="288"/>
      <c r="L110" s="288"/>
      <c r="M110" s="291"/>
      <c r="N110" s="292"/>
      <c r="O110" s="292"/>
      <c r="P110" s="292"/>
      <c r="Q110" s="292"/>
      <c r="R110" s="292"/>
      <c r="S110" s="292"/>
      <c r="T110" s="292"/>
      <c r="U110" s="292"/>
      <c r="V110" s="292"/>
      <c r="W110" s="237"/>
      <c r="X110" s="269"/>
      <c r="Y110" s="259"/>
      <c r="Z110" s="259" t="s">
        <v>148</v>
      </c>
      <c r="AA110" s="259"/>
      <c r="AB110" s="259"/>
      <c r="AC110" s="259" t="s">
        <v>280</v>
      </c>
      <c r="AD110" s="396" t="s">
        <v>264</v>
      </c>
      <c r="AE110" s="396"/>
      <c r="AF110" s="396"/>
      <c r="AG110" s="396"/>
      <c r="AH110" s="396"/>
      <c r="AI110" s="396"/>
      <c r="AJ110" s="396"/>
      <c r="AK110" s="396"/>
      <c r="AL110" s="396"/>
      <c r="AM110" s="396"/>
      <c r="AN110" s="396"/>
      <c r="AO110" s="259" t="s">
        <v>281</v>
      </c>
      <c r="AP110" s="259"/>
      <c r="AQ110" s="259" t="s">
        <v>153</v>
      </c>
      <c r="AR110" s="259"/>
      <c r="AS110" s="259"/>
      <c r="AT110" s="259"/>
      <c r="AU110" s="259"/>
      <c r="AV110" s="259"/>
      <c r="AW110" s="259"/>
      <c r="AX110" s="259"/>
      <c r="AY110" s="259"/>
      <c r="AZ110" s="259"/>
      <c r="BA110" s="259"/>
      <c r="BB110" s="259"/>
      <c r="BC110" s="259"/>
      <c r="BD110" s="259"/>
      <c r="BE110" s="259"/>
      <c r="BF110" s="259"/>
      <c r="BG110" s="259"/>
      <c r="BH110" s="259"/>
      <c r="BI110" s="261"/>
    </row>
    <row r="111" spans="1:61">
      <c r="A111" s="231"/>
      <c r="B111" s="232"/>
      <c r="C111" s="232"/>
      <c r="D111" s="232"/>
      <c r="E111" s="232"/>
      <c r="F111" s="232"/>
      <c r="G111" s="233"/>
      <c r="H111" s="234"/>
      <c r="I111" s="287" t="s">
        <v>293</v>
      </c>
      <c r="J111" s="288"/>
      <c r="K111" s="288"/>
      <c r="L111" s="288"/>
      <c r="M111" s="291"/>
      <c r="N111" s="292"/>
      <c r="O111" s="292"/>
      <c r="P111" s="292"/>
      <c r="Q111" s="292"/>
      <c r="R111" s="292"/>
      <c r="S111" s="292"/>
      <c r="T111" s="292"/>
      <c r="U111" s="292"/>
      <c r="V111" s="292"/>
      <c r="W111" s="237"/>
      <c r="X111" s="269"/>
      <c r="Y111" s="259" t="s">
        <v>294</v>
      </c>
      <c r="Z111" s="259"/>
      <c r="AA111" s="259"/>
      <c r="AB111" s="259"/>
      <c r="AC111" s="259" t="s">
        <v>280</v>
      </c>
      <c r="AD111" s="396"/>
      <c r="AE111" s="396"/>
      <c r="AF111" s="396"/>
      <c r="AG111" s="396"/>
      <c r="AH111" s="396"/>
      <c r="AI111" s="396"/>
      <c r="AJ111" s="396"/>
      <c r="AK111" s="396"/>
      <c r="AL111" s="396"/>
      <c r="AM111" s="396"/>
      <c r="AN111" s="396"/>
      <c r="AO111" s="396"/>
      <c r="AP111" s="396"/>
      <c r="AQ111" s="396"/>
      <c r="AR111" s="396"/>
      <c r="AS111" s="396"/>
      <c r="AT111" s="396"/>
      <c r="AU111" s="396"/>
      <c r="AV111" s="396"/>
      <c r="AW111" s="396"/>
      <c r="AX111" s="396"/>
      <c r="AY111" s="396"/>
      <c r="AZ111" s="396"/>
      <c r="BA111" s="396"/>
      <c r="BB111" s="396"/>
      <c r="BC111" s="396"/>
      <c r="BD111" s="396"/>
      <c r="BE111" s="396"/>
      <c r="BF111" s="396"/>
      <c r="BG111" s="396"/>
      <c r="BH111" s="396"/>
      <c r="BI111" s="261" t="s">
        <v>281</v>
      </c>
    </row>
    <row r="112" spans="1:61">
      <c r="A112" s="231"/>
      <c r="B112" s="232"/>
      <c r="C112" s="232"/>
      <c r="D112" s="232"/>
      <c r="E112" s="232"/>
      <c r="F112" s="232"/>
      <c r="G112" s="233"/>
      <c r="H112" s="234"/>
      <c r="I112" s="287"/>
      <c r="J112" s="288"/>
      <c r="K112" s="288"/>
      <c r="L112" s="288"/>
      <c r="M112" s="291"/>
      <c r="N112" s="292"/>
      <c r="O112" s="292"/>
      <c r="P112" s="292"/>
      <c r="Q112" s="292"/>
      <c r="R112" s="292"/>
      <c r="S112" s="292"/>
      <c r="T112" s="292"/>
      <c r="U112" s="292"/>
      <c r="V112" s="292"/>
      <c r="W112" s="237"/>
      <c r="X112" s="269"/>
      <c r="Y112" s="259" t="s">
        <v>295</v>
      </c>
      <c r="Z112" s="259"/>
      <c r="AA112" s="259"/>
      <c r="AB112" s="259"/>
      <c r="AC112" s="259" t="s">
        <v>280</v>
      </c>
      <c r="AD112" s="396"/>
      <c r="AE112" s="396"/>
      <c r="AF112" s="396"/>
      <c r="AG112" s="396"/>
      <c r="AH112" s="396"/>
      <c r="AI112" s="396"/>
      <c r="AJ112" s="396"/>
      <c r="AK112" s="396"/>
      <c r="AL112" s="396"/>
      <c r="AM112" s="396"/>
      <c r="AN112" s="396"/>
      <c r="AO112" s="396"/>
      <c r="AP112" s="396"/>
      <c r="AQ112" s="396"/>
      <c r="AR112" s="396"/>
      <c r="AS112" s="396"/>
      <c r="AT112" s="396"/>
      <c r="AU112" s="396"/>
      <c r="AV112" s="396"/>
      <c r="AW112" s="396"/>
      <c r="AX112" s="396"/>
      <c r="AY112" s="396"/>
      <c r="AZ112" s="396"/>
      <c r="BA112" s="396"/>
      <c r="BB112" s="396"/>
      <c r="BC112" s="396"/>
      <c r="BD112" s="396"/>
      <c r="BE112" s="396"/>
      <c r="BF112" s="396"/>
      <c r="BG112" s="396"/>
      <c r="BH112" s="396"/>
      <c r="BI112" s="261" t="s">
        <v>281</v>
      </c>
    </row>
    <row r="113" spans="1:61">
      <c r="A113" s="231"/>
      <c r="B113" s="232"/>
      <c r="C113" s="232"/>
      <c r="D113" s="232"/>
      <c r="E113" s="232"/>
      <c r="F113" s="232"/>
      <c r="G113" s="233"/>
      <c r="H113" s="234"/>
      <c r="I113" s="287" t="s">
        <v>296</v>
      </c>
      <c r="J113" s="288"/>
      <c r="K113" s="288"/>
      <c r="L113" s="288"/>
      <c r="M113" s="291"/>
      <c r="N113" s="292"/>
      <c r="O113" s="292"/>
      <c r="P113" s="292"/>
      <c r="Q113" s="292"/>
      <c r="R113" s="292"/>
      <c r="S113" s="292"/>
      <c r="T113" s="292"/>
      <c r="U113" s="292"/>
      <c r="V113" s="292"/>
      <c r="W113" s="237"/>
      <c r="X113" s="269"/>
      <c r="Y113" s="259"/>
      <c r="Z113" s="259"/>
      <c r="AA113" s="259"/>
      <c r="AB113" s="259"/>
      <c r="AC113" s="259"/>
      <c r="AD113" s="259"/>
      <c r="AE113" s="259"/>
      <c r="AF113" s="259"/>
      <c r="AG113" s="259"/>
      <c r="AH113" s="259"/>
      <c r="AI113" s="259"/>
      <c r="AJ113" s="259"/>
      <c r="AK113" s="259"/>
      <c r="AL113" s="259"/>
      <c r="AM113" s="259"/>
      <c r="AN113" s="259"/>
      <c r="AO113" s="259"/>
      <c r="AP113" s="259"/>
      <c r="AQ113" s="259"/>
      <c r="AR113" s="259"/>
      <c r="AS113" s="259"/>
      <c r="AT113" s="259"/>
      <c r="AU113" s="259"/>
      <c r="AV113" s="259"/>
      <c r="AW113" s="259"/>
      <c r="AX113" s="259"/>
      <c r="AY113" s="259"/>
      <c r="AZ113" s="259"/>
      <c r="BA113" s="259"/>
      <c r="BB113" s="259"/>
      <c r="BC113" s="259"/>
      <c r="BD113" s="259"/>
      <c r="BE113" s="259"/>
      <c r="BF113" s="259"/>
      <c r="BG113" s="259"/>
      <c r="BH113" s="259"/>
      <c r="BI113" s="261"/>
    </row>
    <row r="114" spans="1:61">
      <c r="A114" s="231"/>
      <c r="B114" s="232"/>
      <c r="C114" s="232"/>
      <c r="D114" s="232"/>
      <c r="E114" s="232"/>
      <c r="F114" s="232"/>
      <c r="G114" s="233"/>
      <c r="H114" s="234"/>
      <c r="I114" s="287" t="s">
        <v>297</v>
      </c>
      <c r="J114" s="288"/>
      <c r="K114" s="288"/>
      <c r="L114" s="288"/>
      <c r="M114" s="291"/>
      <c r="N114" s="292"/>
      <c r="O114" s="292"/>
      <c r="P114" s="292"/>
      <c r="Q114" s="292"/>
      <c r="R114" s="292"/>
      <c r="S114" s="292"/>
      <c r="T114" s="292"/>
      <c r="U114" s="292"/>
      <c r="V114" s="292"/>
      <c r="W114" s="237"/>
      <c r="X114" s="269"/>
      <c r="Y114" s="259"/>
      <c r="Z114" s="259"/>
      <c r="AA114" s="259"/>
      <c r="AB114" s="259"/>
      <c r="AC114" s="259"/>
      <c r="AD114" s="259"/>
      <c r="AE114" s="259"/>
      <c r="AF114" s="259"/>
      <c r="AG114" s="259"/>
      <c r="AH114" s="259"/>
      <c r="AI114" s="259"/>
      <c r="AJ114" s="259"/>
      <c r="AK114" s="259"/>
      <c r="AL114" s="259"/>
      <c r="AM114" s="259"/>
      <c r="AN114" s="259"/>
      <c r="AO114" s="259"/>
      <c r="AP114" s="259"/>
      <c r="AQ114" s="259"/>
      <c r="AR114" s="259"/>
      <c r="AS114" s="259"/>
      <c r="AT114" s="259"/>
      <c r="AU114" s="259"/>
      <c r="AV114" s="259"/>
      <c r="AW114" s="259"/>
      <c r="AX114" s="259"/>
      <c r="AY114" s="259"/>
      <c r="AZ114" s="259"/>
      <c r="BA114" s="259"/>
      <c r="BB114" s="259"/>
      <c r="BC114" s="259"/>
      <c r="BD114" s="259"/>
      <c r="BE114" s="259"/>
      <c r="BF114" s="259"/>
      <c r="BG114" s="259"/>
      <c r="BH114" s="259"/>
      <c r="BI114" s="261"/>
    </row>
    <row r="115" spans="1:61">
      <c r="A115" s="231"/>
      <c r="B115" s="232"/>
      <c r="C115" s="232"/>
      <c r="D115" s="232"/>
      <c r="E115" s="232"/>
      <c r="F115" s="232"/>
      <c r="G115" s="233"/>
      <c r="H115" s="234"/>
      <c r="I115" s="287" t="s">
        <v>148</v>
      </c>
      <c r="J115" s="288"/>
      <c r="K115" s="288"/>
      <c r="L115" s="288"/>
      <c r="M115" s="291"/>
      <c r="N115" s="292"/>
      <c r="O115" s="292"/>
      <c r="P115" s="292"/>
      <c r="Q115" s="292"/>
      <c r="R115" s="292"/>
      <c r="S115" s="292"/>
      <c r="T115" s="292"/>
      <c r="U115" s="292"/>
      <c r="V115" s="292"/>
      <c r="W115" s="237"/>
      <c r="X115" s="269"/>
      <c r="Y115" s="259" t="s">
        <v>148</v>
      </c>
      <c r="Z115" s="259"/>
      <c r="AA115" s="259"/>
      <c r="AB115" s="259"/>
      <c r="AC115" s="259"/>
      <c r="AD115" s="259"/>
      <c r="AE115" s="259"/>
      <c r="AF115" s="259"/>
      <c r="AG115" s="259"/>
      <c r="AH115" s="259"/>
      <c r="AI115" s="259"/>
      <c r="AJ115" s="259"/>
      <c r="AK115" s="259"/>
      <c r="AL115" s="259"/>
      <c r="AM115" s="259"/>
      <c r="AN115" s="259"/>
      <c r="AO115" s="259"/>
      <c r="AP115" s="259"/>
      <c r="AQ115" s="259"/>
      <c r="AR115" s="259"/>
      <c r="AS115" s="259"/>
      <c r="AT115" s="259"/>
      <c r="AU115" s="259"/>
      <c r="AV115" s="259"/>
      <c r="AW115" s="259"/>
      <c r="AX115" s="259"/>
      <c r="AY115" s="259"/>
      <c r="AZ115" s="259"/>
      <c r="BA115" s="259"/>
      <c r="BB115" s="259"/>
      <c r="BC115" s="259"/>
      <c r="BD115" s="259"/>
      <c r="BE115" s="259"/>
      <c r="BF115" s="259"/>
      <c r="BG115" s="259"/>
      <c r="BH115" s="259"/>
      <c r="BI115" s="261"/>
    </row>
    <row r="116" spans="1:61">
      <c r="A116" s="231"/>
      <c r="B116" s="232"/>
      <c r="C116" s="232"/>
      <c r="D116" s="232"/>
      <c r="E116" s="232"/>
      <c r="F116" s="232"/>
      <c r="G116" s="233"/>
      <c r="H116" s="234"/>
      <c r="I116" s="287"/>
      <c r="J116" s="288"/>
      <c r="K116" s="288"/>
      <c r="L116" s="288"/>
      <c r="M116" s="291"/>
      <c r="N116" s="292"/>
      <c r="O116" s="292"/>
      <c r="P116" s="292"/>
      <c r="Q116" s="292"/>
      <c r="R116" s="292"/>
      <c r="S116" s="292"/>
      <c r="T116" s="292"/>
      <c r="U116" s="292"/>
      <c r="V116" s="292"/>
      <c r="W116" s="237"/>
      <c r="X116" s="269"/>
      <c r="Y116" s="259"/>
      <c r="Z116" s="259"/>
      <c r="AA116" s="259"/>
      <c r="AB116" s="259"/>
      <c r="AC116" s="259"/>
      <c r="AD116" s="259"/>
      <c r="AE116" s="259"/>
      <c r="AF116" s="259"/>
      <c r="AG116" s="259"/>
      <c r="AH116" s="259"/>
      <c r="AI116" s="259"/>
      <c r="AJ116" s="259"/>
      <c r="AK116" s="259"/>
      <c r="AL116" s="259"/>
      <c r="AM116" s="259"/>
      <c r="AN116" s="259"/>
      <c r="AO116" s="259"/>
      <c r="AP116" s="259"/>
      <c r="AQ116" s="259"/>
      <c r="AR116" s="259"/>
      <c r="AS116" s="259"/>
      <c r="AT116" s="259"/>
      <c r="AU116" s="259"/>
      <c r="AV116" s="259"/>
      <c r="AW116" s="259"/>
      <c r="AX116" s="259"/>
      <c r="AY116" s="259"/>
      <c r="AZ116" s="259"/>
      <c r="BA116" s="259"/>
      <c r="BB116" s="259"/>
      <c r="BC116" s="259"/>
      <c r="BD116" s="259"/>
      <c r="BE116" s="259"/>
      <c r="BF116" s="259"/>
      <c r="BG116" s="259"/>
      <c r="BH116" s="259"/>
      <c r="BI116" s="261"/>
    </row>
    <row r="117" spans="1:61">
      <c r="A117" s="238"/>
      <c r="B117" s="239"/>
      <c r="C117" s="239"/>
      <c r="D117" s="239"/>
      <c r="E117" s="239"/>
      <c r="F117" s="239"/>
      <c r="G117" s="240"/>
      <c r="H117" s="245"/>
      <c r="I117" s="297"/>
      <c r="J117" s="298"/>
      <c r="K117" s="298"/>
      <c r="L117" s="298"/>
      <c r="M117" s="299"/>
      <c r="N117" s="300"/>
      <c r="O117" s="300"/>
      <c r="P117" s="300"/>
      <c r="Q117" s="300"/>
      <c r="R117" s="300"/>
      <c r="S117" s="300"/>
      <c r="T117" s="300"/>
      <c r="U117" s="300"/>
      <c r="V117" s="300"/>
      <c r="W117" s="244"/>
      <c r="X117" s="270"/>
      <c r="Y117" s="264"/>
      <c r="Z117" s="264"/>
      <c r="AA117" s="264"/>
      <c r="AB117" s="264"/>
      <c r="AC117" s="264"/>
      <c r="AD117" s="264"/>
      <c r="AE117" s="264"/>
      <c r="AF117" s="264"/>
      <c r="AG117" s="264"/>
      <c r="AH117" s="264"/>
      <c r="AI117" s="264"/>
      <c r="AJ117" s="264"/>
      <c r="AK117" s="264"/>
      <c r="AL117" s="264"/>
      <c r="AM117" s="264"/>
      <c r="AN117" s="264"/>
      <c r="AO117" s="264"/>
      <c r="AP117" s="264"/>
      <c r="AQ117" s="264"/>
      <c r="AR117" s="264"/>
      <c r="AS117" s="264"/>
      <c r="AT117" s="264"/>
      <c r="AU117" s="264"/>
      <c r="AV117" s="264"/>
      <c r="AW117" s="264"/>
      <c r="AX117" s="264"/>
      <c r="AY117" s="264"/>
      <c r="AZ117" s="264"/>
      <c r="BA117" s="264"/>
      <c r="BB117" s="264"/>
      <c r="BC117" s="264"/>
      <c r="BD117" s="264"/>
      <c r="BE117" s="264"/>
      <c r="BF117" s="264"/>
      <c r="BG117" s="264"/>
      <c r="BH117" s="264"/>
      <c r="BI117" s="265"/>
    </row>
    <row r="118" spans="1:61">
      <c r="A118" s="401" t="s">
        <v>298</v>
      </c>
      <c r="B118" s="421"/>
      <c r="C118" s="421"/>
      <c r="D118" s="421"/>
      <c r="E118" s="421"/>
      <c r="F118" s="421"/>
      <c r="G118" s="422"/>
      <c r="H118" s="227"/>
      <c r="I118" s="293" t="s">
        <v>299</v>
      </c>
      <c r="J118" s="294"/>
      <c r="K118" s="294"/>
      <c r="L118" s="294"/>
      <c r="M118" s="295"/>
      <c r="N118" s="296"/>
      <c r="O118" s="296"/>
      <c r="P118" s="296"/>
      <c r="Q118" s="296"/>
      <c r="R118" s="296"/>
      <c r="S118" s="296"/>
      <c r="T118" s="296"/>
      <c r="U118" s="296"/>
      <c r="V118" s="296"/>
      <c r="W118" s="230"/>
      <c r="X118" s="268"/>
      <c r="Y118" s="255" t="s">
        <v>300</v>
      </c>
      <c r="Z118" s="255"/>
      <c r="AA118" s="255"/>
      <c r="AB118" s="255"/>
      <c r="AC118" s="255"/>
      <c r="AD118" s="255"/>
      <c r="AE118" s="255"/>
      <c r="AF118" s="255"/>
      <c r="AG118" s="255"/>
      <c r="AH118" s="255"/>
      <c r="AI118" s="255"/>
      <c r="AJ118" s="255"/>
      <c r="AK118" s="255"/>
      <c r="AL118" s="255"/>
      <c r="AM118" s="255"/>
      <c r="AN118" s="255"/>
      <c r="AO118" s="255"/>
      <c r="AP118" s="255"/>
      <c r="AQ118" s="255"/>
      <c r="AR118" s="255"/>
      <c r="AS118" s="255"/>
      <c r="AT118" s="255"/>
      <c r="AU118" s="255"/>
      <c r="AV118" s="255"/>
      <c r="AW118" s="255"/>
      <c r="AX118" s="255"/>
      <c r="AY118" s="255"/>
      <c r="AZ118" s="255"/>
      <c r="BA118" s="255"/>
      <c r="BB118" s="255"/>
      <c r="BC118" s="255"/>
      <c r="BD118" s="255"/>
      <c r="BE118" s="255"/>
      <c r="BF118" s="255"/>
      <c r="BG118" s="255"/>
      <c r="BH118" s="255"/>
      <c r="BI118" s="257"/>
    </row>
    <row r="119" spans="1:61">
      <c r="A119" s="231"/>
      <c r="B119" s="232"/>
      <c r="C119" s="232"/>
      <c r="D119" s="232"/>
      <c r="E119" s="232"/>
      <c r="F119" s="232"/>
      <c r="G119" s="233"/>
      <c r="H119" s="234"/>
      <c r="I119" s="287"/>
      <c r="J119" s="288"/>
      <c r="K119" s="288"/>
      <c r="L119" s="288"/>
      <c r="M119" s="291"/>
      <c r="N119" s="292"/>
      <c r="O119" s="292"/>
      <c r="P119" s="292"/>
      <c r="Q119" s="292"/>
      <c r="R119" s="292"/>
      <c r="S119" s="292"/>
      <c r="T119" s="292"/>
      <c r="U119" s="292"/>
      <c r="V119" s="292"/>
      <c r="W119" s="237"/>
      <c r="X119" s="269"/>
      <c r="Y119" s="259"/>
      <c r="Z119" s="259" t="s">
        <v>301</v>
      </c>
      <c r="AA119" s="259"/>
      <c r="AB119" s="259"/>
      <c r="AC119" s="259"/>
      <c r="AD119" s="259"/>
      <c r="AE119" s="259"/>
      <c r="AF119" s="259" t="s">
        <v>302</v>
      </c>
      <c r="AG119" s="259"/>
      <c r="AH119" s="259"/>
      <c r="AI119" s="259"/>
      <c r="AJ119" s="259"/>
      <c r="AK119" s="259"/>
      <c r="AL119" s="259"/>
      <c r="AM119" s="259" t="s">
        <v>303</v>
      </c>
      <c r="AN119" s="259"/>
      <c r="AO119" s="259"/>
      <c r="AP119" s="259"/>
      <c r="AQ119" s="259"/>
      <c r="AR119" s="259"/>
      <c r="AS119" s="259"/>
      <c r="AT119" s="259"/>
      <c r="AU119" s="259"/>
      <c r="AV119" s="259" t="s">
        <v>304</v>
      </c>
      <c r="AW119" s="259"/>
      <c r="AX119" s="259"/>
      <c r="AY119" s="259"/>
      <c r="AZ119" s="259"/>
      <c r="BA119" s="259"/>
      <c r="BB119" s="259"/>
      <c r="BC119" s="259"/>
      <c r="BD119" s="259"/>
      <c r="BE119" s="259"/>
      <c r="BF119" s="259"/>
      <c r="BG119" s="259"/>
      <c r="BH119" s="259"/>
      <c r="BI119" s="261"/>
    </row>
    <row r="120" spans="1:61">
      <c r="A120" s="231"/>
      <c r="B120" s="232"/>
      <c r="C120" s="232"/>
      <c r="D120" s="232"/>
      <c r="E120" s="232"/>
      <c r="F120" s="232"/>
      <c r="G120" s="233"/>
      <c r="H120" s="234"/>
      <c r="I120" s="282"/>
      <c r="J120" s="301"/>
      <c r="K120" s="301"/>
      <c r="L120" s="301"/>
      <c r="M120" s="301"/>
      <c r="N120" s="301"/>
      <c r="O120" s="301"/>
      <c r="P120" s="301"/>
      <c r="Q120" s="301"/>
      <c r="R120" s="301"/>
      <c r="S120" s="301"/>
      <c r="T120" s="301"/>
      <c r="U120" s="301"/>
      <c r="V120" s="301"/>
      <c r="W120" s="302"/>
      <c r="X120" s="269"/>
      <c r="Y120" s="259" t="s">
        <v>305</v>
      </c>
      <c r="Z120" s="259"/>
      <c r="AA120" s="259"/>
      <c r="AB120" s="259"/>
      <c r="AC120" s="259"/>
      <c r="AD120" s="259"/>
      <c r="AE120" s="259"/>
      <c r="AF120" s="259"/>
      <c r="AG120" s="259"/>
      <c r="AH120" s="259"/>
      <c r="AI120" s="259"/>
      <c r="AJ120" s="259"/>
      <c r="AK120" s="259"/>
      <c r="AL120" s="259"/>
      <c r="AM120" s="259"/>
      <c r="AN120" s="259"/>
      <c r="AO120" s="259"/>
      <c r="AP120" s="259"/>
      <c r="AQ120" s="259"/>
      <c r="AR120" s="259"/>
      <c r="AS120" s="259"/>
      <c r="AT120" s="259"/>
      <c r="AU120" s="259"/>
      <c r="AV120" s="259"/>
      <c r="AW120" s="259"/>
      <c r="AX120" s="259"/>
      <c r="AY120" s="259"/>
      <c r="AZ120" s="259"/>
      <c r="BA120" s="259"/>
      <c r="BB120" s="259"/>
      <c r="BC120" s="259"/>
      <c r="BD120" s="259"/>
      <c r="BE120" s="259"/>
      <c r="BF120" s="259"/>
      <c r="BG120" s="259"/>
      <c r="BH120" s="259"/>
      <c r="BI120" s="261"/>
    </row>
    <row r="121" spans="1:61">
      <c r="A121" s="231"/>
      <c r="B121" s="232"/>
      <c r="C121" s="232"/>
      <c r="D121" s="232"/>
      <c r="E121" s="232"/>
      <c r="F121" s="232"/>
      <c r="G121" s="233"/>
      <c r="H121" s="234"/>
      <c r="I121" s="303"/>
      <c r="J121" s="301"/>
      <c r="K121" s="301"/>
      <c r="L121" s="301"/>
      <c r="M121" s="301"/>
      <c r="N121" s="301"/>
      <c r="O121" s="301"/>
      <c r="P121" s="301"/>
      <c r="Q121" s="301"/>
      <c r="R121" s="301"/>
      <c r="S121" s="301"/>
      <c r="T121" s="301"/>
      <c r="U121" s="301"/>
      <c r="V121" s="301"/>
      <c r="W121" s="302"/>
      <c r="X121" s="269"/>
      <c r="Y121" s="259"/>
      <c r="Z121" s="259" t="s">
        <v>306</v>
      </c>
      <c r="AA121" s="259"/>
      <c r="AB121" s="259"/>
      <c r="AC121" s="259"/>
      <c r="AD121" s="259"/>
      <c r="AE121" s="259"/>
      <c r="AF121" s="259" t="s">
        <v>148</v>
      </c>
      <c r="AG121" s="259"/>
      <c r="AH121" s="259"/>
      <c r="AI121" s="259" t="s">
        <v>280</v>
      </c>
      <c r="AJ121" s="396"/>
      <c r="AK121" s="396"/>
      <c r="AL121" s="396"/>
      <c r="AM121" s="396"/>
      <c r="AN121" s="396"/>
      <c r="AO121" s="396"/>
      <c r="AP121" s="396"/>
      <c r="AQ121" s="396"/>
      <c r="AR121" s="396"/>
      <c r="AS121" s="396"/>
      <c r="AT121" s="396"/>
      <c r="AU121" s="396"/>
      <c r="AV121" s="396"/>
      <c r="AW121" s="396"/>
      <c r="AX121" s="396"/>
      <c r="AY121" s="396"/>
      <c r="AZ121" s="396"/>
      <c r="BA121" s="396"/>
      <c r="BB121" s="396"/>
      <c r="BC121" s="396"/>
      <c r="BD121" s="259" t="s">
        <v>281</v>
      </c>
      <c r="BE121" s="259"/>
      <c r="BF121" s="259" t="s">
        <v>153</v>
      </c>
      <c r="BG121" s="259"/>
      <c r="BH121" s="259"/>
      <c r="BI121" s="261"/>
    </row>
    <row r="122" spans="1:61">
      <c r="A122" s="231"/>
      <c r="B122" s="232"/>
      <c r="C122" s="232"/>
      <c r="D122" s="232"/>
      <c r="E122" s="232"/>
      <c r="F122" s="232"/>
      <c r="G122" s="233"/>
      <c r="H122" s="234"/>
      <c r="I122" s="431" t="s">
        <v>307</v>
      </c>
      <c r="J122" s="432"/>
      <c r="K122" s="432"/>
      <c r="L122" s="432"/>
      <c r="M122" s="432"/>
      <c r="N122" s="432"/>
      <c r="O122" s="432"/>
      <c r="P122" s="432"/>
      <c r="Q122" s="432"/>
      <c r="R122" s="432"/>
      <c r="S122" s="432"/>
      <c r="T122" s="432"/>
      <c r="U122" s="432"/>
      <c r="V122" s="432"/>
      <c r="W122" s="433"/>
      <c r="X122" s="269"/>
      <c r="Y122" s="259" t="s">
        <v>308</v>
      </c>
      <c r="Z122" s="259"/>
      <c r="AA122" s="259"/>
      <c r="AB122" s="259"/>
      <c r="AC122" s="259"/>
      <c r="AD122" s="259"/>
      <c r="AE122" s="259"/>
      <c r="AF122" s="259"/>
      <c r="AG122" s="259"/>
      <c r="AH122" s="259"/>
      <c r="AI122" s="259"/>
      <c r="AJ122" s="259"/>
      <c r="AK122" s="259"/>
      <c r="AL122" s="259"/>
      <c r="AM122" s="259"/>
      <c r="AN122" s="259"/>
      <c r="AO122" s="259"/>
      <c r="AP122" s="259"/>
      <c r="AQ122" s="259"/>
      <c r="AR122" s="259"/>
      <c r="AS122" s="259"/>
      <c r="AT122" s="259"/>
      <c r="AU122" s="259"/>
      <c r="AV122" s="259"/>
      <c r="AW122" s="259"/>
      <c r="AX122" s="259"/>
      <c r="AY122" s="259"/>
      <c r="AZ122" s="259"/>
      <c r="BA122" s="259"/>
      <c r="BB122" s="259"/>
      <c r="BC122" s="259"/>
      <c r="BD122" s="259"/>
      <c r="BE122" s="259"/>
      <c r="BF122" s="259"/>
      <c r="BG122" s="259"/>
      <c r="BH122" s="259"/>
      <c r="BI122" s="261"/>
    </row>
    <row r="123" spans="1:61">
      <c r="A123" s="231"/>
      <c r="B123" s="232"/>
      <c r="C123" s="232"/>
      <c r="D123" s="232"/>
      <c r="E123" s="232"/>
      <c r="F123" s="232"/>
      <c r="G123" s="233"/>
      <c r="H123" s="234"/>
      <c r="I123" s="434"/>
      <c r="J123" s="432"/>
      <c r="K123" s="432"/>
      <c r="L123" s="432"/>
      <c r="M123" s="432"/>
      <c r="N123" s="432"/>
      <c r="O123" s="432"/>
      <c r="P123" s="432"/>
      <c r="Q123" s="432"/>
      <c r="R123" s="432"/>
      <c r="S123" s="432"/>
      <c r="T123" s="432"/>
      <c r="U123" s="432"/>
      <c r="V123" s="432"/>
      <c r="W123" s="433"/>
      <c r="X123" s="269"/>
      <c r="Y123" s="259" t="s">
        <v>309</v>
      </c>
      <c r="Z123" s="259"/>
      <c r="AA123" s="259"/>
      <c r="AB123" s="259"/>
      <c r="AC123" s="259"/>
      <c r="AD123" s="259"/>
      <c r="AE123" s="259"/>
      <c r="AF123" s="396"/>
      <c r="AG123" s="396"/>
      <c r="AH123" s="396"/>
      <c r="AI123" s="396"/>
      <c r="AJ123" s="396"/>
      <c r="AK123" s="396"/>
      <c r="AL123" s="396"/>
      <c r="AM123" s="396"/>
      <c r="AN123" s="396"/>
      <c r="AO123" s="396"/>
      <c r="AP123" s="396"/>
      <c r="AQ123" s="396"/>
      <c r="AR123" s="396"/>
      <c r="AS123" s="396"/>
      <c r="AT123" s="396"/>
      <c r="AU123" s="396"/>
      <c r="AV123" s="396"/>
      <c r="AW123" s="396"/>
      <c r="AX123" s="396"/>
      <c r="AY123" s="396"/>
      <c r="AZ123" s="396"/>
      <c r="BA123" s="396"/>
      <c r="BB123" s="396"/>
      <c r="BC123" s="396"/>
      <c r="BD123" s="396"/>
      <c r="BE123" s="396"/>
      <c r="BF123" s="396"/>
      <c r="BG123" s="396"/>
      <c r="BH123" s="396"/>
      <c r="BI123" s="261" t="s">
        <v>281</v>
      </c>
    </row>
    <row r="124" spans="1:61">
      <c r="A124" s="231"/>
      <c r="B124" s="232"/>
      <c r="C124" s="232"/>
      <c r="D124" s="232"/>
      <c r="E124" s="232"/>
      <c r="F124" s="232"/>
      <c r="G124" s="233"/>
      <c r="H124" s="234"/>
      <c r="I124" s="287"/>
      <c r="J124" s="288"/>
      <c r="K124" s="288"/>
      <c r="L124" s="288"/>
      <c r="M124" s="291"/>
      <c r="N124" s="292"/>
      <c r="O124" s="292"/>
      <c r="P124" s="292"/>
      <c r="Q124" s="292"/>
      <c r="R124" s="292"/>
      <c r="S124" s="292"/>
      <c r="T124" s="292"/>
      <c r="U124" s="292"/>
      <c r="V124" s="292"/>
      <c r="W124" s="237"/>
      <c r="X124" s="269"/>
      <c r="Y124" s="259" t="s">
        <v>310</v>
      </c>
      <c r="Z124" s="259"/>
      <c r="AA124" s="259"/>
      <c r="AB124" s="259"/>
      <c r="AC124" s="259"/>
      <c r="AD124" s="259"/>
      <c r="AE124" s="259"/>
      <c r="AF124" s="259"/>
      <c r="AG124" s="259"/>
      <c r="AH124" s="259"/>
      <c r="AI124" s="259"/>
      <c r="AJ124" s="259"/>
      <c r="AK124" s="259"/>
      <c r="AL124" s="259"/>
      <c r="AM124" s="259"/>
      <c r="AN124" s="259"/>
      <c r="AO124" s="259"/>
      <c r="AP124" s="259"/>
      <c r="AQ124" s="259"/>
      <c r="AR124" s="259"/>
      <c r="AS124" s="259"/>
      <c r="AT124" s="259"/>
      <c r="AU124" s="259"/>
      <c r="AV124" s="259"/>
      <c r="AW124" s="259"/>
      <c r="AX124" s="259"/>
      <c r="AY124" s="259"/>
      <c r="AZ124" s="259"/>
      <c r="BA124" s="259"/>
      <c r="BB124" s="259"/>
      <c r="BC124" s="259"/>
      <c r="BD124" s="259"/>
      <c r="BE124" s="259"/>
      <c r="BF124" s="259"/>
      <c r="BG124" s="259"/>
      <c r="BH124" s="259"/>
      <c r="BI124" s="261"/>
    </row>
    <row r="125" spans="1:61">
      <c r="A125" s="231"/>
      <c r="B125" s="232"/>
      <c r="C125" s="232"/>
      <c r="D125" s="232"/>
      <c r="E125" s="232"/>
      <c r="F125" s="232"/>
      <c r="G125" s="233"/>
      <c r="H125" s="234"/>
      <c r="I125" s="287"/>
      <c r="J125" s="288"/>
      <c r="K125" s="288"/>
      <c r="L125" s="288"/>
      <c r="M125" s="291"/>
      <c r="N125" s="292"/>
      <c r="O125" s="292"/>
      <c r="P125" s="292"/>
      <c r="Q125" s="292"/>
      <c r="R125" s="292"/>
      <c r="S125" s="292"/>
      <c r="T125" s="292"/>
      <c r="U125" s="292"/>
      <c r="V125" s="292"/>
      <c r="W125" s="237"/>
      <c r="X125" s="269"/>
      <c r="Y125" s="259" t="s">
        <v>309</v>
      </c>
      <c r="Z125" s="259"/>
      <c r="AA125" s="259"/>
      <c r="AB125" s="259"/>
      <c r="AC125" s="259"/>
      <c r="AD125" s="259"/>
      <c r="AE125" s="259"/>
      <c r="AF125" s="396"/>
      <c r="AG125" s="396"/>
      <c r="AH125" s="396"/>
      <c r="AI125" s="396"/>
      <c r="AJ125" s="396"/>
      <c r="AK125" s="396"/>
      <c r="AL125" s="396"/>
      <c r="AM125" s="396"/>
      <c r="AN125" s="396"/>
      <c r="AO125" s="396"/>
      <c r="AP125" s="396"/>
      <c r="AQ125" s="396"/>
      <c r="AR125" s="396"/>
      <c r="AS125" s="396"/>
      <c r="AT125" s="396"/>
      <c r="AU125" s="396"/>
      <c r="AV125" s="396"/>
      <c r="AW125" s="396"/>
      <c r="AX125" s="396"/>
      <c r="AY125" s="396"/>
      <c r="AZ125" s="396"/>
      <c r="BA125" s="396"/>
      <c r="BB125" s="396"/>
      <c r="BC125" s="396"/>
      <c r="BD125" s="396"/>
      <c r="BE125" s="396"/>
      <c r="BF125" s="396"/>
      <c r="BG125" s="396"/>
      <c r="BH125" s="396"/>
      <c r="BI125" s="261" t="s">
        <v>281</v>
      </c>
    </row>
    <row r="126" spans="1:61">
      <c r="A126" s="231"/>
      <c r="B126" s="232"/>
      <c r="C126" s="232"/>
      <c r="D126" s="232"/>
      <c r="E126" s="232"/>
      <c r="F126" s="232"/>
      <c r="G126" s="233"/>
      <c r="H126" s="234"/>
      <c r="I126" s="287"/>
      <c r="J126" s="288"/>
      <c r="K126" s="288"/>
      <c r="L126" s="288"/>
      <c r="M126" s="291"/>
      <c r="N126" s="292"/>
      <c r="O126" s="292"/>
      <c r="P126" s="292"/>
      <c r="Q126" s="292"/>
      <c r="R126" s="292"/>
      <c r="S126" s="292"/>
      <c r="T126" s="292"/>
      <c r="U126" s="292"/>
      <c r="V126" s="292"/>
      <c r="W126" s="237"/>
      <c r="X126" s="269"/>
      <c r="Y126" s="259" t="s">
        <v>311</v>
      </c>
      <c r="Z126" s="259"/>
      <c r="AA126" s="259"/>
      <c r="AB126" s="259"/>
      <c r="AC126" s="259"/>
      <c r="AD126" s="259"/>
      <c r="AE126" s="259"/>
      <c r="AF126" s="259"/>
      <c r="AG126" s="259"/>
      <c r="AH126" s="259"/>
      <c r="AI126" s="259"/>
      <c r="AJ126" s="259"/>
      <c r="AK126" s="259"/>
      <c r="AL126" s="259"/>
      <c r="AM126" s="259"/>
      <c r="AN126" s="259"/>
      <c r="AO126" s="259"/>
      <c r="AP126" s="259"/>
      <c r="AQ126" s="259"/>
      <c r="AR126" s="259"/>
      <c r="AS126" s="259"/>
      <c r="AT126" s="259"/>
      <c r="AU126" s="259"/>
      <c r="AV126" s="259"/>
      <c r="AW126" s="259"/>
      <c r="AX126" s="259"/>
      <c r="AY126" s="259"/>
      <c r="AZ126" s="259"/>
      <c r="BA126" s="259"/>
      <c r="BB126" s="259"/>
      <c r="BC126" s="259"/>
      <c r="BD126" s="259"/>
      <c r="BE126" s="259"/>
      <c r="BF126" s="259"/>
      <c r="BG126" s="259"/>
      <c r="BH126" s="259"/>
      <c r="BI126" s="261"/>
    </row>
    <row r="127" spans="1:61">
      <c r="A127" s="231"/>
      <c r="B127" s="232"/>
      <c r="C127" s="232"/>
      <c r="D127" s="232"/>
      <c r="E127" s="232"/>
      <c r="F127" s="232"/>
      <c r="G127" s="233"/>
      <c r="H127" s="234"/>
      <c r="I127" s="287" t="s">
        <v>148</v>
      </c>
      <c r="J127" s="288"/>
      <c r="K127" s="288"/>
      <c r="L127" s="288"/>
      <c r="M127" s="291"/>
      <c r="N127" s="292"/>
      <c r="O127" s="292"/>
      <c r="P127" s="292"/>
      <c r="Q127" s="292"/>
      <c r="R127" s="292"/>
      <c r="S127" s="292"/>
      <c r="T127" s="292"/>
      <c r="U127" s="292"/>
      <c r="V127" s="292"/>
      <c r="W127" s="237"/>
      <c r="X127" s="269"/>
      <c r="Y127" s="259" t="s">
        <v>148</v>
      </c>
      <c r="Z127" s="259"/>
      <c r="AA127" s="259"/>
      <c r="AB127" s="259" t="s">
        <v>280</v>
      </c>
      <c r="AC127" s="396"/>
      <c r="AD127" s="396"/>
      <c r="AE127" s="396"/>
      <c r="AF127" s="396"/>
      <c r="AG127" s="396"/>
      <c r="AH127" s="396"/>
      <c r="AI127" s="396"/>
      <c r="AJ127" s="396"/>
      <c r="AK127" s="396"/>
      <c r="AL127" s="396"/>
      <c r="AM127" s="396"/>
      <c r="AN127" s="396"/>
      <c r="AO127" s="396"/>
      <c r="AP127" s="396"/>
      <c r="AQ127" s="396"/>
      <c r="AR127" s="396"/>
      <c r="AS127" s="396"/>
      <c r="AT127" s="396"/>
      <c r="AU127" s="396"/>
      <c r="AV127" s="396"/>
      <c r="AW127" s="396"/>
      <c r="AX127" s="396"/>
      <c r="AY127" s="396"/>
      <c r="AZ127" s="396"/>
      <c r="BA127" s="396"/>
      <c r="BB127" s="396"/>
      <c r="BC127" s="396"/>
      <c r="BD127" s="396"/>
      <c r="BE127" s="396"/>
      <c r="BF127" s="396"/>
      <c r="BG127" s="396"/>
      <c r="BH127" s="396"/>
      <c r="BI127" s="261" t="s">
        <v>281</v>
      </c>
    </row>
    <row r="128" spans="1:61">
      <c r="A128" s="231"/>
      <c r="B128" s="232"/>
      <c r="C128" s="232"/>
      <c r="D128" s="232"/>
      <c r="E128" s="232"/>
      <c r="F128" s="232"/>
      <c r="G128" s="233"/>
      <c r="H128" s="234"/>
      <c r="I128" s="287"/>
      <c r="J128" s="288"/>
      <c r="K128" s="288"/>
      <c r="L128" s="288"/>
      <c r="M128" s="291"/>
      <c r="N128" s="292"/>
      <c r="O128" s="292"/>
      <c r="P128" s="292"/>
      <c r="Q128" s="292"/>
      <c r="R128" s="292"/>
      <c r="S128" s="292"/>
      <c r="T128" s="292"/>
      <c r="U128" s="292"/>
      <c r="V128" s="292"/>
      <c r="W128" s="237"/>
      <c r="X128" s="269"/>
      <c r="Y128" s="259"/>
      <c r="Z128" s="259"/>
      <c r="AA128" s="259"/>
      <c r="AB128" s="259"/>
      <c r="AC128" s="259"/>
      <c r="AD128" s="259"/>
      <c r="AE128" s="259"/>
      <c r="AF128" s="259"/>
      <c r="AG128" s="259"/>
      <c r="AH128" s="259"/>
      <c r="AI128" s="259"/>
      <c r="AJ128" s="259"/>
      <c r="AK128" s="259"/>
      <c r="AL128" s="259"/>
      <c r="AM128" s="259"/>
      <c r="AN128" s="259"/>
      <c r="AO128" s="259"/>
      <c r="AP128" s="259"/>
      <c r="AQ128" s="259"/>
      <c r="AR128" s="259"/>
      <c r="AS128" s="259"/>
      <c r="AT128" s="259"/>
      <c r="AU128" s="259"/>
      <c r="AV128" s="259"/>
      <c r="AW128" s="259"/>
      <c r="AX128" s="259"/>
      <c r="AY128" s="259"/>
      <c r="AZ128" s="259"/>
      <c r="BA128" s="259"/>
      <c r="BB128" s="259"/>
      <c r="BC128" s="259"/>
      <c r="BD128" s="259"/>
      <c r="BE128" s="259"/>
      <c r="BF128" s="259"/>
      <c r="BG128" s="259"/>
      <c r="BH128" s="259"/>
      <c r="BI128" s="261"/>
    </row>
    <row r="129" spans="1:61">
      <c r="A129" s="238"/>
      <c r="B129" s="239"/>
      <c r="C129" s="239"/>
      <c r="D129" s="239"/>
      <c r="E129" s="239"/>
      <c r="F129" s="239"/>
      <c r="G129" s="240"/>
      <c r="H129" s="263"/>
      <c r="I129" s="297"/>
      <c r="J129" s="298"/>
      <c r="K129" s="298"/>
      <c r="L129" s="298"/>
      <c r="M129" s="304"/>
      <c r="N129" s="305"/>
      <c r="O129" s="305"/>
      <c r="P129" s="305"/>
      <c r="Q129" s="305"/>
      <c r="R129" s="305"/>
      <c r="S129" s="305"/>
      <c r="T129" s="305"/>
      <c r="U129" s="305"/>
      <c r="V129" s="305"/>
      <c r="W129" s="265"/>
      <c r="X129" s="306"/>
      <c r="Y129" s="264"/>
      <c r="Z129" s="264"/>
      <c r="AA129" s="264"/>
      <c r="AB129" s="264"/>
      <c r="AC129" s="264"/>
      <c r="AD129" s="264"/>
      <c r="AE129" s="264"/>
      <c r="AF129" s="264"/>
      <c r="AG129" s="264"/>
      <c r="AH129" s="264"/>
      <c r="AI129" s="264"/>
      <c r="AJ129" s="264"/>
      <c r="AK129" s="264"/>
      <c r="AL129" s="264"/>
      <c r="AM129" s="264"/>
      <c r="AN129" s="264"/>
      <c r="AO129" s="264"/>
      <c r="AP129" s="264"/>
      <c r="AQ129" s="264"/>
      <c r="AR129" s="264"/>
      <c r="AS129" s="264"/>
      <c r="AT129" s="264"/>
      <c r="AU129" s="264"/>
      <c r="AV129" s="264"/>
      <c r="AW129" s="264"/>
      <c r="AX129" s="264"/>
      <c r="AY129" s="264"/>
      <c r="AZ129" s="264"/>
      <c r="BA129" s="264"/>
      <c r="BB129" s="264"/>
      <c r="BC129" s="264"/>
      <c r="BD129" s="264"/>
      <c r="BE129" s="264"/>
      <c r="BF129" s="264"/>
      <c r="BG129" s="264"/>
      <c r="BH129" s="264"/>
      <c r="BI129" s="265"/>
    </row>
    <row r="130" spans="1:61">
      <c r="A130" s="401" t="s">
        <v>148</v>
      </c>
      <c r="B130" s="421"/>
      <c r="C130" s="421"/>
      <c r="D130" s="421"/>
      <c r="E130" s="421"/>
      <c r="F130" s="421"/>
      <c r="G130" s="422"/>
      <c r="H130" s="234"/>
      <c r="I130" s="287" t="s">
        <v>312</v>
      </c>
      <c r="J130" s="288"/>
      <c r="K130" s="288"/>
      <c r="L130" s="288"/>
      <c r="M130" s="291"/>
      <c r="N130" s="292"/>
      <c r="O130" s="292"/>
      <c r="P130" s="292"/>
      <c r="Q130" s="292"/>
      <c r="R130" s="292"/>
      <c r="S130" s="292"/>
      <c r="T130" s="292"/>
      <c r="U130" s="292"/>
      <c r="V130" s="292"/>
      <c r="W130" s="237"/>
      <c r="X130" s="269"/>
      <c r="Y130" s="259" t="s">
        <v>313</v>
      </c>
      <c r="Z130" s="259"/>
      <c r="AA130" s="259"/>
      <c r="AB130" s="259"/>
      <c r="AC130" s="259" t="s">
        <v>280</v>
      </c>
      <c r="AD130" s="412"/>
      <c r="AE130" s="412"/>
      <c r="AF130" s="412"/>
      <c r="AG130" s="412"/>
      <c r="AH130" s="412"/>
      <c r="AI130" s="412"/>
      <c r="AJ130" s="412"/>
      <c r="AK130" s="412"/>
      <c r="AL130" s="412"/>
      <c r="AM130" s="412"/>
      <c r="AN130" s="412"/>
      <c r="AO130" s="259" t="s">
        <v>281</v>
      </c>
      <c r="AP130" s="259"/>
      <c r="AQ130" s="259" t="s">
        <v>314</v>
      </c>
      <c r="AR130" s="259"/>
      <c r="AS130" s="259" t="s">
        <v>315</v>
      </c>
      <c r="AT130" s="428"/>
      <c r="AU130" s="429"/>
      <c r="AV130" s="429"/>
      <c r="AW130" s="429"/>
      <c r="AX130" s="429"/>
      <c r="AY130" s="429"/>
      <c r="AZ130" s="429"/>
      <c r="BA130" s="429"/>
      <c r="BB130" s="429"/>
      <c r="BC130" s="429"/>
      <c r="BD130" s="429"/>
      <c r="BE130" s="429"/>
      <c r="BF130" s="429"/>
      <c r="BG130" s="429"/>
      <c r="BH130" s="430"/>
      <c r="BI130" s="261" t="s">
        <v>316</v>
      </c>
    </row>
    <row r="131" spans="1:61">
      <c r="A131" s="231"/>
      <c r="B131" s="232"/>
      <c r="C131" s="232"/>
      <c r="D131" s="232"/>
      <c r="E131" s="232"/>
      <c r="F131" s="232"/>
      <c r="G131" s="233"/>
      <c r="H131" s="234"/>
      <c r="I131" s="287"/>
      <c r="J131" s="288"/>
      <c r="K131" s="288"/>
      <c r="L131" s="288"/>
      <c r="M131" s="291"/>
      <c r="N131" s="292"/>
      <c r="O131" s="292"/>
      <c r="P131" s="292"/>
      <c r="Q131" s="292"/>
      <c r="R131" s="292"/>
      <c r="S131" s="292"/>
      <c r="T131" s="292"/>
      <c r="U131" s="292"/>
      <c r="V131" s="292"/>
      <c r="W131" s="237"/>
      <c r="X131" s="269"/>
      <c r="Y131" s="259" t="s">
        <v>148</v>
      </c>
      <c r="Z131" s="259"/>
      <c r="AA131" s="259"/>
      <c r="AB131" s="259" t="s">
        <v>315</v>
      </c>
      <c r="AC131" s="396"/>
      <c r="AD131" s="396"/>
      <c r="AE131" s="396"/>
      <c r="AF131" s="396"/>
      <c r="AG131" s="396"/>
      <c r="AH131" s="396"/>
      <c r="AI131" s="396"/>
      <c r="AJ131" s="396"/>
      <c r="AK131" s="396"/>
      <c r="AL131" s="396"/>
      <c r="AM131" s="396"/>
      <c r="AN131" s="396"/>
      <c r="AO131" s="396"/>
      <c r="AP131" s="396"/>
      <c r="AQ131" s="396"/>
      <c r="AR131" s="396"/>
      <c r="AS131" s="396"/>
      <c r="AT131" s="396"/>
      <c r="AU131" s="396"/>
      <c r="AV131" s="396"/>
      <c r="AW131" s="396"/>
      <c r="AX131" s="396"/>
      <c r="AY131" s="396"/>
      <c r="AZ131" s="396"/>
      <c r="BA131" s="396"/>
      <c r="BB131" s="396"/>
      <c r="BC131" s="396"/>
      <c r="BD131" s="396"/>
      <c r="BE131" s="396"/>
      <c r="BF131" s="396"/>
      <c r="BG131" s="396"/>
      <c r="BH131" s="396"/>
      <c r="BI131" s="261" t="s">
        <v>316</v>
      </c>
    </row>
    <row r="132" spans="1:61">
      <c r="A132" s="231"/>
      <c r="B132" s="232"/>
      <c r="C132" s="232"/>
      <c r="D132" s="232"/>
      <c r="E132" s="232"/>
      <c r="F132" s="232"/>
      <c r="G132" s="233"/>
      <c r="H132" s="234"/>
      <c r="I132" s="287" t="s">
        <v>317</v>
      </c>
      <c r="J132" s="288"/>
      <c r="K132" s="288"/>
      <c r="L132" s="288"/>
      <c r="M132" s="291"/>
      <c r="N132" s="292"/>
      <c r="O132" s="292"/>
      <c r="P132" s="292"/>
      <c r="Q132" s="292"/>
      <c r="R132" s="292"/>
      <c r="S132" s="292"/>
      <c r="T132" s="292"/>
      <c r="U132" s="292"/>
      <c r="V132" s="292"/>
      <c r="W132" s="237"/>
      <c r="X132" s="269"/>
      <c r="Y132" s="259" t="s">
        <v>318</v>
      </c>
      <c r="Z132" s="259"/>
      <c r="AA132" s="259"/>
      <c r="AB132" s="259"/>
      <c r="AC132" s="259"/>
      <c r="AD132" s="259"/>
      <c r="AE132" s="259"/>
      <c r="AF132" s="259"/>
      <c r="AG132" s="259"/>
      <c r="AH132" s="259"/>
      <c r="AI132" s="259"/>
      <c r="AJ132" s="259"/>
      <c r="AK132" s="259"/>
      <c r="AL132" s="259"/>
      <c r="AM132" s="259"/>
      <c r="AN132" s="259"/>
      <c r="AO132" s="259"/>
      <c r="AP132" s="259"/>
      <c r="AQ132" s="259"/>
      <c r="AR132" s="259"/>
      <c r="AS132" s="259"/>
      <c r="AT132" s="259"/>
      <c r="AU132" s="259"/>
      <c r="AV132" s="259"/>
      <c r="AW132" s="259"/>
      <c r="AX132" s="259"/>
      <c r="AY132" s="259"/>
      <c r="AZ132" s="259"/>
      <c r="BA132" s="259"/>
      <c r="BB132" s="259"/>
      <c r="BC132" s="259"/>
      <c r="BD132" s="259"/>
      <c r="BE132" s="259"/>
      <c r="BF132" s="259"/>
      <c r="BG132" s="259"/>
      <c r="BH132" s="259"/>
      <c r="BI132" s="261"/>
    </row>
    <row r="133" spans="1:61">
      <c r="A133" s="231"/>
      <c r="B133" s="232"/>
      <c r="C133" s="232"/>
      <c r="D133" s="232"/>
      <c r="E133" s="232"/>
      <c r="F133" s="232"/>
      <c r="G133" s="233"/>
      <c r="I133" s="287"/>
      <c r="J133" s="288"/>
      <c r="K133" s="288"/>
      <c r="L133" s="288"/>
      <c r="M133" s="291"/>
      <c r="N133" s="292"/>
      <c r="O133" s="292"/>
      <c r="P133" s="292"/>
      <c r="Q133" s="292"/>
      <c r="R133" s="292"/>
      <c r="S133" s="292"/>
      <c r="T133" s="292"/>
      <c r="U133" s="292"/>
      <c r="V133" s="292"/>
      <c r="W133" s="237"/>
      <c r="X133" s="269"/>
      <c r="Y133" s="259"/>
      <c r="Z133" s="259" t="s">
        <v>319</v>
      </c>
      <c r="AA133" s="259"/>
      <c r="AB133" s="259"/>
      <c r="AC133" s="259"/>
      <c r="AD133" s="259"/>
      <c r="AE133" s="259" t="s">
        <v>320</v>
      </c>
      <c r="AF133" s="259"/>
      <c r="AG133" s="259"/>
      <c r="AH133" s="259"/>
      <c r="AI133" s="259"/>
      <c r="AJ133" s="259"/>
      <c r="AK133" s="259"/>
      <c r="AL133" s="259" t="s">
        <v>148</v>
      </c>
      <c r="AM133" s="259"/>
      <c r="AN133" s="259"/>
      <c r="AO133" s="259" t="s">
        <v>315</v>
      </c>
      <c r="AP133" s="410"/>
      <c r="AQ133" s="410"/>
      <c r="AR133" s="410"/>
      <c r="AS133" s="410"/>
      <c r="AT133" s="410"/>
      <c r="AU133" s="410"/>
      <c r="AV133" s="410"/>
      <c r="AW133" s="410"/>
      <c r="AX133" s="410"/>
      <c r="AY133" s="410"/>
      <c r="AZ133" s="410"/>
      <c r="BA133" s="410"/>
      <c r="BB133" s="410"/>
      <c r="BC133" s="410"/>
      <c r="BD133" s="410"/>
      <c r="BE133" s="410"/>
      <c r="BF133" s="410"/>
      <c r="BG133" s="410"/>
      <c r="BH133" s="410"/>
      <c r="BI133" s="261" t="s">
        <v>316</v>
      </c>
    </row>
    <row r="134" spans="1:61">
      <c r="A134" s="231"/>
      <c r="B134" s="232"/>
      <c r="C134" s="232"/>
      <c r="D134" s="232"/>
      <c r="E134" s="232"/>
      <c r="F134" s="232"/>
      <c r="G134" s="233"/>
      <c r="H134" s="234"/>
      <c r="I134" s="287"/>
      <c r="J134" s="288"/>
      <c r="K134" s="288"/>
      <c r="L134" s="288"/>
      <c r="M134" s="291"/>
      <c r="N134" s="292"/>
      <c r="O134" s="292"/>
      <c r="P134" s="292"/>
      <c r="Q134" s="292"/>
      <c r="R134" s="292"/>
      <c r="S134" s="292"/>
      <c r="T134" s="292"/>
      <c r="U134" s="292"/>
      <c r="V134" s="292"/>
      <c r="W134" s="237"/>
      <c r="X134" s="269"/>
      <c r="Y134" s="259" t="s">
        <v>315</v>
      </c>
      <c r="Z134" s="410"/>
      <c r="AA134" s="410"/>
      <c r="AB134" s="259" t="s">
        <v>321</v>
      </c>
      <c r="AC134" s="259"/>
      <c r="AD134" s="259"/>
      <c r="AE134" s="259" t="s">
        <v>315</v>
      </c>
      <c r="AF134" s="410"/>
      <c r="AG134" s="410"/>
      <c r="AH134" s="259" t="s">
        <v>322</v>
      </c>
      <c r="AI134" s="259"/>
      <c r="AJ134" s="259"/>
      <c r="AK134" s="259" t="s">
        <v>315</v>
      </c>
      <c r="AL134" s="410"/>
      <c r="AM134" s="410"/>
      <c r="AN134" s="259" t="s">
        <v>322</v>
      </c>
      <c r="AO134" s="259"/>
      <c r="AP134" s="259"/>
      <c r="AV134" s="259"/>
      <c r="AW134" s="259"/>
      <c r="AX134" s="259"/>
      <c r="AY134" s="259"/>
      <c r="AZ134" s="259"/>
      <c r="BA134" s="259"/>
      <c r="BB134" s="259"/>
      <c r="BC134" s="259"/>
      <c r="BD134" s="259"/>
      <c r="BE134" s="259"/>
      <c r="BF134" s="259"/>
      <c r="BG134" s="259"/>
      <c r="BH134" s="259"/>
      <c r="BI134" s="261"/>
    </row>
    <row r="135" spans="1:61">
      <c r="A135" s="231"/>
      <c r="B135" s="232"/>
      <c r="C135" s="232"/>
      <c r="D135" s="232"/>
      <c r="E135" s="232"/>
      <c r="F135" s="232"/>
      <c r="G135" s="233"/>
      <c r="H135" s="234"/>
      <c r="I135" s="287"/>
      <c r="J135" s="288"/>
      <c r="K135" s="288"/>
      <c r="L135" s="288"/>
      <c r="M135" s="291"/>
      <c r="N135" s="292"/>
      <c r="O135" s="292"/>
      <c r="P135" s="292"/>
      <c r="Q135" s="292"/>
      <c r="R135" s="292"/>
      <c r="S135" s="292"/>
      <c r="T135" s="292"/>
      <c r="U135" s="292"/>
      <c r="V135" s="292"/>
      <c r="W135" s="237"/>
      <c r="X135" s="269"/>
      <c r="Y135" s="259"/>
      <c r="Z135" s="259"/>
      <c r="AA135" s="259"/>
      <c r="AB135" s="259"/>
      <c r="AC135" s="259"/>
      <c r="AD135" s="259"/>
      <c r="AE135" s="259"/>
      <c r="AF135" s="259"/>
      <c r="AG135" s="259"/>
      <c r="AH135" s="259"/>
      <c r="AI135" s="259"/>
      <c r="AJ135" s="259"/>
      <c r="AK135" s="259"/>
      <c r="AL135" s="259"/>
      <c r="AM135" s="259"/>
      <c r="AN135" s="259"/>
      <c r="AO135" s="259"/>
      <c r="AP135" s="259"/>
      <c r="AQ135" s="259"/>
      <c r="AR135" s="259"/>
      <c r="AS135" s="259"/>
      <c r="AT135" s="259"/>
      <c r="AU135" s="259"/>
      <c r="AV135" s="259"/>
      <c r="AW135" s="259"/>
      <c r="AX135" s="259"/>
      <c r="AY135" s="259"/>
      <c r="AZ135" s="259"/>
      <c r="BA135" s="259"/>
      <c r="BB135" s="259"/>
      <c r="BC135" s="259"/>
      <c r="BD135" s="259"/>
      <c r="BE135" s="259"/>
      <c r="BF135" s="259"/>
      <c r="BG135" s="259"/>
      <c r="BH135" s="259"/>
      <c r="BI135" s="261" t="s">
        <v>316</v>
      </c>
    </row>
    <row r="136" spans="1:61">
      <c r="A136" s="231"/>
      <c r="B136" s="232"/>
      <c r="C136" s="232"/>
      <c r="D136" s="232"/>
      <c r="E136" s="232"/>
      <c r="F136" s="232"/>
      <c r="G136" s="233"/>
      <c r="H136" s="234"/>
      <c r="I136" s="287" t="s">
        <v>323</v>
      </c>
      <c r="J136" s="288"/>
      <c r="K136" s="288"/>
      <c r="L136" s="288"/>
      <c r="M136" s="291"/>
      <c r="N136" s="292"/>
      <c r="O136" s="292"/>
      <c r="P136" s="292"/>
      <c r="Q136" s="292"/>
      <c r="R136" s="292"/>
      <c r="S136" s="292"/>
      <c r="T136" s="292"/>
      <c r="U136" s="292"/>
      <c r="V136" s="292"/>
      <c r="W136" s="237"/>
      <c r="X136" s="269"/>
      <c r="Y136" s="259" t="s">
        <v>324</v>
      </c>
      <c r="Z136" s="259"/>
      <c r="AA136" s="259" t="s">
        <v>315</v>
      </c>
      <c r="AB136" s="396"/>
      <c r="AC136" s="396"/>
      <c r="AD136" s="396"/>
      <c r="AE136" s="396"/>
      <c r="AF136" s="396"/>
      <c r="AG136" s="396"/>
      <c r="AH136" s="396"/>
      <c r="AI136" s="396"/>
      <c r="AJ136" s="396"/>
      <c r="AK136" s="396"/>
      <c r="AL136" s="259" t="s">
        <v>316</v>
      </c>
      <c r="AM136" s="259" t="s">
        <v>13</v>
      </c>
      <c r="AN136" s="259"/>
      <c r="AO136" s="259" t="s">
        <v>315</v>
      </c>
      <c r="AP136" s="396"/>
      <c r="AQ136" s="396"/>
      <c r="AR136" s="396"/>
      <c r="AS136" s="259" t="s">
        <v>316</v>
      </c>
      <c r="AT136" s="259" t="s">
        <v>325</v>
      </c>
      <c r="AU136" s="259"/>
      <c r="AV136" s="259"/>
      <c r="AW136" s="259"/>
      <c r="AX136" s="259" t="s">
        <v>315</v>
      </c>
      <c r="AY136" s="396"/>
      <c r="AZ136" s="396"/>
      <c r="BA136" s="396"/>
      <c r="BB136" s="396"/>
      <c r="BC136" s="396"/>
      <c r="BD136" s="396"/>
      <c r="BE136" s="396"/>
      <c r="BF136" s="396"/>
      <c r="BG136" s="396"/>
      <c r="BH136" s="396"/>
      <c r="BI136" s="261" t="s">
        <v>316</v>
      </c>
    </row>
    <row r="137" spans="1:61">
      <c r="A137" s="231"/>
      <c r="B137" s="232"/>
      <c r="C137" s="232"/>
      <c r="D137" s="232"/>
      <c r="E137" s="232"/>
      <c r="F137" s="232"/>
      <c r="G137" s="233"/>
      <c r="H137" s="234"/>
      <c r="I137" s="287"/>
      <c r="J137" s="288"/>
      <c r="K137" s="288"/>
      <c r="L137" s="288"/>
      <c r="M137" s="291"/>
      <c r="N137" s="292"/>
      <c r="O137" s="292"/>
      <c r="P137" s="292"/>
      <c r="Q137" s="292"/>
      <c r="R137" s="292"/>
      <c r="S137" s="292"/>
      <c r="T137" s="292"/>
      <c r="U137" s="292"/>
      <c r="V137" s="292"/>
      <c r="W137" s="237"/>
      <c r="X137" s="269"/>
      <c r="Y137" s="259" t="s">
        <v>326</v>
      </c>
      <c r="Z137" s="259"/>
      <c r="AA137" s="259" t="s">
        <v>327</v>
      </c>
      <c r="AB137" s="259"/>
      <c r="AC137" s="259"/>
      <c r="AD137" s="259"/>
      <c r="AE137" s="259" t="s">
        <v>168</v>
      </c>
      <c r="AF137" s="396"/>
      <c r="AG137" s="396"/>
      <c r="AH137" s="259" t="s">
        <v>328</v>
      </c>
      <c r="AI137" s="396"/>
      <c r="AJ137" s="396"/>
      <c r="AK137" s="259" t="s">
        <v>109</v>
      </c>
      <c r="AL137" s="259" t="s">
        <v>329</v>
      </c>
      <c r="AM137" s="259" t="s">
        <v>148</v>
      </c>
      <c r="AN137" s="259"/>
      <c r="AO137" s="259"/>
      <c r="AP137" s="259" t="s">
        <v>330</v>
      </c>
      <c r="AQ137" s="396" t="s">
        <v>331</v>
      </c>
      <c r="AR137" s="396"/>
      <c r="AS137" s="396"/>
      <c r="AT137" s="396"/>
      <c r="AU137" s="396"/>
      <c r="AV137" s="396"/>
      <c r="AW137" s="396"/>
      <c r="AX137" s="396"/>
      <c r="AY137" s="396"/>
      <c r="AZ137" s="396"/>
      <c r="BA137" s="396"/>
      <c r="BB137" s="396"/>
      <c r="BC137" s="396"/>
      <c r="BD137" s="396"/>
      <c r="BE137" s="396"/>
      <c r="BF137" s="396"/>
      <c r="BG137" s="396"/>
      <c r="BH137" s="396"/>
      <c r="BI137" s="261" t="s">
        <v>329</v>
      </c>
    </row>
    <row r="138" spans="1:61">
      <c r="A138" s="231"/>
      <c r="B138" s="232"/>
      <c r="C138" s="232"/>
      <c r="D138" s="232"/>
      <c r="E138" s="232"/>
      <c r="F138" s="232"/>
      <c r="G138" s="233"/>
      <c r="H138" s="234"/>
      <c r="I138" s="287" t="s">
        <v>332</v>
      </c>
      <c r="J138" s="288"/>
      <c r="K138" s="288"/>
      <c r="L138" s="288"/>
      <c r="M138" s="291"/>
      <c r="N138" s="292"/>
      <c r="O138" s="292"/>
      <c r="P138" s="292"/>
      <c r="Q138" s="292"/>
      <c r="R138" s="292"/>
      <c r="S138" s="292"/>
      <c r="T138" s="292"/>
      <c r="U138" s="292"/>
      <c r="V138" s="292"/>
      <c r="W138" s="237"/>
      <c r="X138" s="269"/>
      <c r="Y138" s="259" t="s">
        <v>333</v>
      </c>
      <c r="Z138" s="259"/>
      <c r="AA138" s="259"/>
      <c r="AB138" s="259"/>
      <c r="AC138" s="259" t="s">
        <v>330</v>
      </c>
      <c r="AD138" s="259"/>
      <c r="AE138" s="259" t="s">
        <v>334</v>
      </c>
      <c r="AF138" s="259"/>
      <c r="AG138" s="259"/>
      <c r="AH138" s="259"/>
      <c r="AI138" s="259"/>
      <c r="AJ138" s="259"/>
      <c r="AK138" s="259"/>
      <c r="AL138" s="259" t="s">
        <v>335</v>
      </c>
      <c r="AM138" s="259"/>
      <c r="AN138" s="259"/>
      <c r="AO138" s="259"/>
      <c r="AP138" s="259"/>
      <c r="AQ138" s="259"/>
      <c r="AR138" s="259"/>
      <c r="AS138" s="259"/>
      <c r="AT138" s="259" t="s">
        <v>153</v>
      </c>
      <c r="AU138" s="259"/>
      <c r="AV138" s="259"/>
      <c r="AW138" s="259"/>
      <c r="AX138" s="259"/>
      <c r="AY138" s="259" t="s">
        <v>148</v>
      </c>
      <c r="AZ138" s="259"/>
      <c r="BA138" s="259"/>
      <c r="BB138" s="259" t="s">
        <v>330</v>
      </c>
      <c r="BC138" s="259"/>
      <c r="BD138" s="259"/>
      <c r="BE138" s="259"/>
      <c r="BF138" s="259"/>
      <c r="BG138" s="259"/>
      <c r="BH138" s="259"/>
      <c r="BI138" s="261" t="s">
        <v>329</v>
      </c>
    </row>
    <row r="139" spans="1:61">
      <c r="A139" s="231"/>
      <c r="B139" s="232"/>
      <c r="C139" s="232"/>
      <c r="D139" s="232"/>
      <c r="E139" s="232"/>
      <c r="F139" s="232"/>
      <c r="G139" s="233"/>
      <c r="H139" s="234"/>
      <c r="I139" s="287"/>
      <c r="J139" s="288"/>
      <c r="K139" s="288"/>
      <c r="L139" s="288"/>
      <c r="M139" s="291"/>
      <c r="N139" s="292"/>
      <c r="O139" s="292"/>
      <c r="P139" s="292"/>
      <c r="Q139" s="292"/>
      <c r="R139" s="292"/>
      <c r="S139" s="292"/>
      <c r="T139" s="292"/>
      <c r="U139" s="292"/>
      <c r="V139" s="292"/>
      <c r="W139" s="237"/>
      <c r="X139" s="269"/>
      <c r="Y139" s="259" t="s">
        <v>325</v>
      </c>
      <c r="Z139" s="259"/>
      <c r="AA139" s="259"/>
      <c r="AB139" s="259"/>
      <c r="AC139" s="259" t="s">
        <v>330</v>
      </c>
      <c r="AD139" s="259"/>
      <c r="AE139" s="259" t="s">
        <v>247</v>
      </c>
      <c r="AF139" s="259"/>
      <c r="AG139" s="259"/>
      <c r="AH139" s="259"/>
      <c r="AI139" s="259"/>
      <c r="AJ139" s="259"/>
      <c r="AK139" s="259"/>
      <c r="AL139" s="259" t="s">
        <v>153</v>
      </c>
      <c r="AM139" s="259"/>
      <c r="AN139" s="259"/>
      <c r="AO139" s="259"/>
      <c r="AP139" s="259"/>
      <c r="AQ139" s="259"/>
      <c r="AR139" s="259" t="s">
        <v>148</v>
      </c>
      <c r="AS139" s="259"/>
      <c r="AT139" s="259"/>
      <c r="AU139" s="259" t="s">
        <v>330</v>
      </c>
      <c r="AV139" s="396"/>
      <c r="AW139" s="396"/>
      <c r="AX139" s="396"/>
      <c r="AY139" s="396"/>
      <c r="AZ139" s="396"/>
      <c r="BA139" s="396"/>
      <c r="BB139" s="396"/>
      <c r="BC139" s="396"/>
      <c r="BD139" s="396"/>
      <c r="BE139" s="396"/>
      <c r="BF139" s="396"/>
      <c r="BG139" s="396"/>
      <c r="BH139" s="396"/>
      <c r="BI139" s="261" t="s">
        <v>329</v>
      </c>
    </row>
    <row r="140" spans="1:61">
      <c r="A140" s="231"/>
      <c r="B140" s="232"/>
      <c r="C140" s="232"/>
      <c r="D140" s="232"/>
      <c r="E140" s="232"/>
      <c r="F140" s="232"/>
      <c r="G140" s="233"/>
      <c r="H140" s="234"/>
      <c r="I140" s="287"/>
      <c r="J140" s="288"/>
      <c r="K140" s="288"/>
      <c r="L140" s="288"/>
      <c r="M140" s="291"/>
      <c r="N140" s="292"/>
      <c r="O140" s="292"/>
      <c r="P140" s="292"/>
      <c r="Q140" s="292"/>
      <c r="R140" s="292"/>
      <c r="S140" s="292"/>
      <c r="T140" s="292"/>
      <c r="U140" s="292"/>
      <c r="V140" s="292"/>
      <c r="W140" s="237"/>
      <c r="X140" s="269"/>
      <c r="Y140" s="259" t="s">
        <v>13</v>
      </c>
      <c r="Z140" s="259"/>
      <c r="AA140" s="259" t="s">
        <v>330</v>
      </c>
      <c r="AB140" s="396"/>
      <c r="AC140" s="396"/>
      <c r="AD140" s="396"/>
      <c r="AE140" s="396"/>
      <c r="AF140" s="396"/>
      <c r="AG140" s="396"/>
      <c r="AH140" s="259" t="s">
        <v>329</v>
      </c>
      <c r="AI140" s="259"/>
      <c r="AJ140" s="259" t="s">
        <v>244</v>
      </c>
      <c r="AK140" s="259"/>
      <c r="AL140" s="259"/>
      <c r="AM140" s="259"/>
      <c r="AN140" s="259" t="s">
        <v>336</v>
      </c>
      <c r="AO140" s="259"/>
      <c r="AP140" s="436"/>
      <c r="AQ140" s="436"/>
      <c r="AR140" s="436"/>
      <c r="AS140" s="259" t="s">
        <v>337</v>
      </c>
      <c r="AT140" s="259"/>
      <c r="AU140" s="259"/>
      <c r="AV140" s="259"/>
      <c r="AW140" s="259"/>
      <c r="AX140" s="259"/>
      <c r="AY140" s="259"/>
      <c r="AZ140" s="259"/>
      <c r="BA140" s="259"/>
      <c r="BB140" s="259"/>
      <c r="BC140" s="259"/>
      <c r="BD140" s="259"/>
      <c r="BE140" s="259"/>
      <c r="BF140" s="259"/>
      <c r="BG140" s="259"/>
      <c r="BH140" s="259"/>
      <c r="BI140" s="261"/>
    </row>
    <row r="141" spans="1:61">
      <c r="A141" s="231"/>
      <c r="B141" s="232"/>
      <c r="C141" s="232"/>
      <c r="D141" s="232"/>
      <c r="E141" s="232"/>
      <c r="F141" s="232"/>
      <c r="G141" s="233"/>
      <c r="H141" s="234"/>
      <c r="I141" s="235" t="s">
        <v>148</v>
      </c>
      <c r="J141" s="236"/>
      <c r="K141" s="236"/>
      <c r="L141" s="236" t="s">
        <v>330</v>
      </c>
      <c r="M141" s="396" t="s">
        <v>338</v>
      </c>
      <c r="N141" s="396"/>
      <c r="O141" s="396"/>
      <c r="P141" s="396"/>
      <c r="Q141" s="396"/>
      <c r="R141" s="396"/>
      <c r="S141" s="396"/>
      <c r="T141" s="396"/>
      <c r="U141" s="396"/>
      <c r="V141" s="396"/>
      <c r="W141" s="237" t="s">
        <v>329</v>
      </c>
      <c r="X141" s="269"/>
      <c r="Y141" s="259" t="s">
        <v>148</v>
      </c>
      <c r="Z141" s="259"/>
      <c r="AA141" s="259"/>
      <c r="AB141" s="394" t="s">
        <v>480</v>
      </c>
      <c r="AC141" s="432"/>
      <c r="AD141" s="432"/>
      <c r="AE141" s="432"/>
      <c r="AF141" s="432"/>
      <c r="AG141" s="432"/>
      <c r="AH141" s="432"/>
      <c r="AI141" s="432"/>
      <c r="AJ141" s="432"/>
      <c r="AK141" s="432"/>
      <c r="AL141" s="432"/>
      <c r="AM141" s="432"/>
      <c r="AN141" s="432"/>
      <c r="AO141" s="432"/>
      <c r="AP141" s="432"/>
      <c r="AQ141" s="432"/>
      <c r="AR141" s="432"/>
      <c r="AS141" s="432"/>
      <c r="AT141" s="432"/>
      <c r="AU141" s="432"/>
      <c r="AV141" s="432"/>
      <c r="AW141" s="432"/>
      <c r="AX141" s="432"/>
      <c r="AY141" s="432"/>
      <c r="AZ141" s="432"/>
      <c r="BA141" s="432"/>
      <c r="BB141" s="432"/>
      <c r="BC141" s="432"/>
      <c r="BD141" s="432"/>
      <c r="BE141" s="432"/>
      <c r="BF141" s="432"/>
      <c r="BG141" s="432"/>
      <c r="BH141" s="432"/>
      <c r="BI141" s="433"/>
    </row>
    <row r="142" spans="1:61">
      <c r="A142" s="231"/>
      <c r="B142" s="232"/>
      <c r="C142" s="232"/>
      <c r="D142" s="232"/>
      <c r="E142" s="232"/>
      <c r="F142" s="232"/>
      <c r="G142" s="233"/>
      <c r="H142" s="234"/>
      <c r="I142" s="235"/>
      <c r="J142" s="236"/>
      <c r="K142" s="236"/>
      <c r="L142" s="236"/>
      <c r="M142" s="236"/>
      <c r="N142" s="236"/>
      <c r="O142" s="236"/>
      <c r="P142" s="236"/>
      <c r="Q142" s="236"/>
      <c r="R142" s="236"/>
      <c r="S142" s="236"/>
      <c r="T142" s="236"/>
      <c r="U142" s="236"/>
      <c r="V142" s="236"/>
      <c r="W142" s="237"/>
      <c r="X142" s="269"/>
      <c r="Y142" s="259"/>
      <c r="Z142" s="259"/>
      <c r="AA142" s="259"/>
      <c r="AB142" s="432"/>
      <c r="AC142" s="432"/>
      <c r="AD142" s="432"/>
      <c r="AE142" s="432"/>
      <c r="AF142" s="432"/>
      <c r="AG142" s="432"/>
      <c r="AH142" s="432"/>
      <c r="AI142" s="432"/>
      <c r="AJ142" s="432"/>
      <c r="AK142" s="432"/>
      <c r="AL142" s="432"/>
      <c r="AM142" s="432"/>
      <c r="AN142" s="432"/>
      <c r="AO142" s="432"/>
      <c r="AP142" s="432"/>
      <c r="AQ142" s="432"/>
      <c r="AR142" s="432"/>
      <c r="AS142" s="432"/>
      <c r="AT142" s="432"/>
      <c r="AU142" s="432"/>
      <c r="AV142" s="432"/>
      <c r="AW142" s="432"/>
      <c r="AX142" s="432"/>
      <c r="AY142" s="432"/>
      <c r="AZ142" s="432"/>
      <c r="BA142" s="432"/>
      <c r="BB142" s="432"/>
      <c r="BC142" s="432"/>
      <c r="BD142" s="432"/>
      <c r="BE142" s="432"/>
      <c r="BF142" s="432"/>
      <c r="BG142" s="432"/>
      <c r="BH142" s="432"/>
      <c r="BI142" s="433"/>
    </row>
    <row r="143" spans="1:61">
      <c r="A143" s="231"/>
      <c r="B143" s="232"/>
      <c r="C143" s="232"/>
      <c r="D143" s="232"/>
      <c r="E143" s="232"/>
      <c r="F143" s="232"/>
      <c r="G143" s="233"/>
      <c r="H143" s="234"/>
      <c r="I143" s="235"/>
      <c r="J143" s="236"/>
      <c r="K143" s="236"/>
      <c r="L143" s="236"/>
      <c r="M143" s="236"/>
      <c r="N143" s="236"/>
      <c r="O143" s="236"/>
      <c r="P143" s="236"/>
      <c r="Q143" s="236"/>
      <c r="R143" s="236"/>
      <c r="S143" s="236"/>
      <c r="T143" s="236"/>
      <c r="U143" s="236"/>
      <c r="V143" s="236"/>
      <c r="W143" s="237"/>
      <c r="X143" s="269"/>
      <c r="Y143" s="259"/>
      <c r="Z143" s="259"/>
      <c r="AA143" s="259"/>
      <c r="AB143" s="259"/>
      <c r="AC143" s="259"/>
      <c r="AD143" s="259"/>
      <c r="AE143" s="259"/>
      <c r="AF143" s="259"/>
      <c r="AG143" s="259"/>
      <c r="AH143" s="259"/>
      <c r="AI143" s="259"/>
      <c r="AJ143" s="259"/>
      <c r="AK143" s="259"/>
      <c r="AL143" s="259"/>
      <c r="AM143" s="259"/>
      <c r="AN143" s="259"/>
      <c r="AO143" s="259"/>
      <c r="AP143" s="259"/>
      <c r="AQ143" s="259"/>
      <c r="AR143" s="259"/>
      <c r="AS143" s="259"/>
      <c r="AT143" s="259"/>
      <c r="AU143" s="259"/>
      <c r="AV143" s="259"/>
      <c r="AW143" s="259"/>
      <c r="AX143" s="259"/>
      <c r="AY143" s="259"/>
      <c r="AZ143" s="259"/>
      <c r="BA143" s="259"/>
      <c r="BB143" s="259"/>
      <c r="BC143" s="259"/>
      <c r="BD143" s="259"/>
      <c r="BE143" s="259"/>
      <c r="BF143" s="259"/>
      <c r="BG143" s="259"/>
      <c r="BH143" s="259"/>
      <c r="BI143" s="261"/>
    </row>
    <row r="144" spans="1:61">
      <c r="A144" s="238"/>
      <c r="B144" s="239"/>
      <c r="C144" s="239"/>
      <c r="D144" s="239"/>
      <c r="E144" s="239"/>
      <c r="F144" s="239"/>
      <c r="G144" s="240"/>
      <c r="H144" s="245"/>
      <c r="I144" s="242"/>
      <c r="J144" s="243"/>
      <c r="K144" s="243"/>
      <c r="L144" s="243"/>
      <c r="M144" s="243"/>
      <c r="N144" s="243"/>
      <c r="O144" s="243"/>
      <c r="P144" s="243"/>
      <c r="Q144" s="243"/>
      <c r="R144" s="243"/>
      <c r="S144" s="243"/>
      <c r="T144" s="243"/>
      <c r="U144" s="243"/>
      <c r="V144" s="243"/>
      <c r="W144" s="244"/>
      <c r="X144" s="270"/>
      <c r="Y144" s="264"/>
      <c r="Z144" s="264"/>
      <c r="AA144" s="264"/>
      <c r="AB144" s="264"/>
      <c r="AC144" s="264"/>
      <c r="AD144" s="264"/>
      <c r="AE144" s="264"/>
      <c r="AF144" s="264"/>
      <c r="AG144" s="264"/>
      <c r="AH144" s="264"/>
      <c r="AI144" s="264"/>
      <c r="AJ144" s="264"/>
      <c r="AK144" s="264"/>
      <c r="AL144" s="264"/>
      <c r="AM144" s="264"/>
      <c r="AN144" s="264"/>
      <c r="AO144" s="264"/>
      <c r="AP144" s="264"/>
      <c r="AQ144" s="264"/>
      <c r="AR144" s="264"/>
      <c r="AS144" s="264"/>
      <c r="AT144" s="264"/>
      <c r="AU144" s="264"/>
      <c r="AV144" s="264"/>
      <c r="AW144" s="264"/>
      <c r="AX144" s="264"/>
      <c r="AY144" s="264"/>
      <c r="AZ144" s="264"/>
      <c r="BA144" s="264"/>
      <c r="BB144" s="264"/>
      <c r="BC144" s="264"/>
      <c r="BD144" s="264"/>
      <c r="BE144" s="264"/>
      <c r="BF144" s="264"/>
      <c r="BG144" s="264"/>
      <c r="BH144" s="264"/>
      <c r="BI144" s="265"/>
    </row>
    <row r="145" spans="1:61" ht="13.5" customHeight="1">
      <c r="A145" s="401" t="s">
        <v>339</v>
      </c>
      <c r="B145" s="421"/>
      <c r="C145" s="421"/>
      <c r="D145" s="421"/>
      <c r="E145" s="421"/>
      <c r="F145" s="421"/>
      <c r="G145" s="422"/>
      <c r="H145" s="234"/>
      <c r="I145" s="235"/>
      <c r="J145" s="236"/>
      <c r="K145" s="236"/>
      <c r="L145" s="236"/>
      <c r="M145" s="236"/>
      <c r="N145" s="236"/>
      <c r="O145" s="236"/>
      <c r="P145" s="236"/>
      <c r="Q145" s="236"/>
      <c r="R145" s="236"/>
      <c r="S145" s="236"/>
      <c r="T145" s="236"/>
      <c r="U145" s="236"/>
      <c r="V145" s="236"/>
      <c r="W145" s="237"/>
      <c r="X145" s="269"/>
      <c r="Y145" s="254" t="s">
        <v>479</v>
      </c>
      <c r="Z145" s="307"/>
      <c r="AA145" s="307"/>
      <c r="AB145" s="307"/>
      <c r="AC145" s="307"/>
      <c r="AD145" s="307"/>
      <c r="AE145" s="307"/>
      <c r="AF145" s="307"/>
      <c r="AG145" s="307"/>
      <c r="AH145" s="307"/>
      <c r="AI145" s="307"/>
      <c r="AJ145" s="307"/>
      <c r="AK145" s="307"/>
      <c r="AL145" s="307"/>
      <c r="AM145" s="307"/>
      <c r="AN145" s="307"/>
      <c r="AO145" s="307"/>
      <c r="AP145" s="307"/>
      <c r="AQ145" s="307"/>
      <c r="AR145" s="307"/>
      <c r="AS145" s="307"/>
      <c r="AT145" s="307"/>
      <c r="AU145" s="307"/>
      <c r="AV145" s="307"/>
      <c r="AW145" s="307"/>
      <c r="AX145" s="307"/>
      <c r="AY145" s="307"/>
      <c r="AZ145" s="307"/>
      <c r="BA145" s="307"/>
      <c r="BB145" s="307"/>
      <c r="BC145" s="307"/>
      <c r="BD145" s="307"/>
      <c r="BE145" s="307"/>
      <c r="BF145" s="307"/>
      <c r="BG145" s="307"/>
      <c r="BH145" s="307"/>
      <c r="BI145" s="308"/>
    </row>
    <row r="146" spans="1:61" ht="13.5" customHeight="1">
      <c r="A146" s="231"/>
      <c r="B146" s="309"/>
      <c r="C146" s="309"/>
      <c r="D146" s="309"/>
      <c r="E146" s="309"/>
      <c r="F146" s="309"/>
      <c r="G146" s="310"/>
      <c r="H146" s="234"/>
      <c r="I146" s="235"/>
      <c r="J146" s="236"/>
      <c r="K146" s="236"/>
      <c r="L146" s="236"/>
      <c r="M146" s="236"/>
      <c r="N146" s="236"/>
      <c r="O146" s="236"/>
      <c r="P146" s="236"/>
      <c r="Q146" s="236"/>
      <c r="R146" s="236"/>
      <c r="S146" s="236"/>
      <c r="T146" s="236"/>
      <c r="U146" s="236"/>
      <c r="V146" s="236"/>
      <c r="W146" s="237"/>
      <c r="X146" s="269"/>
      <c r="Y146" s="252" t="s">
        <v>684</v>
      </c>
      <c r="Z146" s="311"/>
      <c r="AA146" s="311"/>
      <c r="AB146" s="311"/>
      <c r="AC146" s="311"/>
      <c r="AD146" s="311"/>
      <c r="AE146" s="311"/>
      <c r="AF146" s="311"/>
      <c r="AG146" s="311"/>
      <c r="AH146" s="311"/>
      <c r="AI146" s="311"/>
      <c r="AJ146" s="311"/>
      <c r="AK146" s="311"/>
      <c r="AL146" s="311"/>
      <c r="AM146" s="311"/>
      <c r="AN146" s="311"/>
      <c r="AO146" s="311"/>
      <c r="AP146" s="311"/>
      <c r="AQ146" s="311"/>
      <c r="AR146" s="311"/>
      <c r="AS146" s="311"/>
      <c r="AT146" s="311"/>
      <c r="AU146" s="311"/>
      <c r="AV146" s="311"/>
      <c r="AW146" s="311"/>
      <c r="AX146" s="311"/>
      <c r="AY146" s="311"/>
      <c r="AZ146" s="311"/>
      <c r="BA146" s="311"/>
      <c r="BB146" s="311"/>
      <c r="BC146" s="311"/>
      <c r="BD146" s="311"/>
      <c r="BE146" s="311"/>
      <c r="BF146" s="311"/>
      <c r="BG146" s="311"/>
      <c r="BH146" s="311"/>
      <c r="BI146" s="251"/>
    </row>
    <row r="147" spans="1:61" ht="13.5" customHeight="1">
      <c r="A147" s="231"/>
      <c r="B147" s="309"/>
      <c r="C147" s="309"/>
      <c r="D147" s="309"/>
      <c r="E147" s="309"/>
      <c r="F147" s="309"/>
      <c r="G147" s="310"/>
      <c r="H147" s="234"/>
      <c r="I147" s="235"/>
      <c r="J147" s="236"/>
      <c r="K147" s="236"/>
      <c r="L147" s="236"/>
      <c r="M147" s="236"/>
      <c r="N147" s="236"/>
      <c r="O147" s="236"/>
      <c r="P147" s="236"/>
      <c r="Q147" s="236"/>
      <c r="R147" s="236"/>
      <c r="S147" s="236"/>
      <c r="T147" s="236"/>
      <c r="U147" s="236"/>
      <c r="V147" s="236"/>
      <c r="W147" s="237"/>
      <c r="X147" s="269"/>
      <c r="Y147" s="1" t="s">
        <v>340</v>
      </c>
      <c r="Z147" s="311"/>
      <c r="AA147" s="311"/>
      <c r="AB147" s="311"/>
      <c r="AC147" s="311"/>
      <c r="AD147" s="311"/>
      <c r="AE147" s="311"/>
      <c r="AF147" s="311"/>
      <c r="AG147" s="311"/>
      <c r="AH147" s="311"/>
      <c r="AI147" s="311"/>
      <c r="AJ147" s="311"/>
      <c r="AK147" s="311"/>
      <c r="AL147" s="311"/>
      <c r="AM147" s="311"/>
      <c r="AN147" s="311"/>
      <c r="AO147" s="311"/>
      <c r="AP147" s="311"/>
      <c r="AQ147" s="311"/>
      <c r="AR147" s="311"/>
      <c r="AS147" s="311"/>
      <c r="AT147" s="311"/>
      <c r="AU147" s="311"/>
      <c r="AV147" s="311"/>
      <c r="AW147" s="311"/>
      <c r="AX147" s="311"/>
      <c r="AY147" s="311"/>
      <c r="AZ147" s="311"/>
      <c r="BA147" s="311"/>
      <c r="BB147" s="311"/>
      <c r="BC147" s="311"/>
      <c r="BD147" s="311"/>
      <c r="BE147" s="311"/>
      <c r="BF147" s="311"/>
      <c r="BG147" s="311"/>
      <c r="BH147" s="311"/>
      <c r="BI147" s="251"/>
    </row>
    <row r="148" spans="1:61" ht="13.5" customHeight="1">
      <c r="A148" s="231"/>
      <c r="B148" s="309"/>
      <c r="C148" s="309"/>
      <c r="D148" s="309"/>
      <c r="E148" s="309"/>
      <c r="F148" s="309"/>
      <c r="G148" s="310"/>
      <c r="H148" s="234"/>
      <c r="I148" s="235"/>
      <c r="J148" s="236"/>
      <c r="K148" s="236"/>
      <c r="L148" s="236"/>
      <c r="M148" s="236"/>
      <c r="N148" s="236"/>
      <c r="O148" s="236"/>
      <c r="P148" s="236"/>
      <c r="Q148" s="236"/>
      <c r="R148" s="236"/>
      <c r="S148" s="236"/>
      <c r="T148" s="236"/>
      <c r="U148" s="236"/>
      <c r="V148" s="236"/>
      <c r="W148" s="237"/>
      <c r="X148" s="269"/>
      <c r="Y148" s="259" t="s">
        <v>148</v>
      </c>
      <c r="Z148" s="311"/>
      <c r="AA148" s="311"/>
      <c r="AB148" s="311" t="s">
        <v>341</v>
      </c>
      <c r="AC148" s="435" t="s">
        <v>342</v>
      </c>
      <c r="AD148" s="435"/>
      <c r="AE148" s="435"/>
      <c r="AF148" s="435"/>
      <c r="AG148" s="435"/>
      <c r="AH148" s="435"/>
      <c r="AI148" s="435"/>
      <c r="AJ148" s="435"/>
      <c r="AK148" s="435"/>
      <c r="AL148" s="435"/>
      <c r="AM148" s="435"/>
      <c r="AN148" s="435"/>
      <c r="AO148" s="435"/>
      <c r="AP148" s="435"/>
      <c r="AQ148" s="435"/>
      <c r="AR148" s="435"/>
      <c r="AS148" s="435"/>
      <c r="AT148" s="435"/>
      <c r="AU148" s="435"/>
      <c r="AV148" s="435"/>
      <c r="AW148" s="435"/>
      <c r="AX148" s="435"/>
      <c r="AY148" s="435"/>
      <c r="AZ148" s="435"/>
      <c r="BA148" s="435"/>
      <c r="BB148" s="435"/>
      <c r="BC148" s="435"/>
      <c r="BD148" s="435"/>
      <c r="BE148" s="435"/>
      <c r="BF148" s="435"/>
      <c r="BG148" s="435"/>
      <c r="BH148" s="435"/>
      <c r="BI148" s="251" t="s">
        <v>343</v>
      </c>
    </row>
    <row r="149" spans="1:61" ht="13.5" customHeight="1">
      <c r="A149" s="231"/>
      <c r="B149" s="309"/>
      <c r="C149" s="309"/>
      <c r="D149" s="309"/>
      <c r="E149" s="309"/>
      <c r="F149" s="309"/>
      <c r="G149" s="310"/>
      <c r="H149" s="234"/>
      <c r="I149" s="235"/>
      <c r="J149" s="236"/>
      <c r="K149" s="236"/>
      <c r="L149" s="236"/>
      <c r="M149" s="236"/>
      <c r="N149" s="236"/>
      <c r="O149" s="236"/>
      <c r="P149" s="236"/>
      <c r="Q149" s="236"/>
      <c r="R149" s="236"/>
      <c r="S149" s="236"/>
      <c r="T149" s="236"/>
      <c r="U149" s="236"/>
      <c r="V149" s="236"/>
      <c r="W149" s="237"/>
      <c r="X149" s="269"/>
      <c r="Y149" s="259"/>
      <c r="Z149" s="311"/>
      <c r="AA149" s="311"/>
      <c r="AB149" s="311"/>
      <c r="AC149" s="312"/>
      <c r="AD149" s="311"/>
      <c r="AE149" s="311"/>
      <c r="AF149" s="311"/>
      <c r="AG149" s="311"/>
      <c r="AH149" s="311"/>
      <c r="AI149" s="311"/>
      <c r="AJ149" s="311"/>
      <c r="AK149" s="311"/>
      <c r="AL149" s="311"/>
      <c r="AM149" s="311"/>
      <c r="AN149" s="311"/>
      <c r="AO149" s="311"/>
      <c r="AP149" s="311"/>
      <c r="AQ149" s="311"/>
      <c r="AR149" s="311"/>
      <c r="AS149" s="311"/>
      <c r="AT149" s="311"/>
      <c r="AU149" s="311"/>
      <c r="AV149" s="311"/>
      <c r="AW149" s="311"/>
      <c r="AX149" s="311"/>
      <c r="AY149" s="311"/>
      <c r="AZ149" s="311"/>
      <c r="BA149" s="311"/>
      <c r="BB149" s="311"/>
      <c r="BC149" s="311"/>
      <c r="BD149" s="311"/>
      <c r="BE149" s="311"/>
      <c r="BF149" s="311"/>
      <c r="BG149" s="311"/>
      <c r="BH149" s="311"/>
      <c r="BI149" s="251"/>
    </row>
    <row r="150" spans="1:61">
      <c r="A150" s="231"/>
      <c r="B150" s="232"/>
      <c r="C150" s="232"/>
      <c r="D150" s="232"/>
      <c r="E150" s="232"/>
      <c r="F150" s="232"/>
      <c r="G150" s="233"/>
      <c r="H150" s="234"/>
      <c r="I150" s="235"/>
      <c r="J150" s="236"/>
      <c r="K150" s="236"/>
      <c r="L150" s="236"/>
      <c r="M150" s="236"/>
      <c r="N150" s="236"/>
      <c r="O150" s="236"/>
      <c r="P150" s="236"/>
      <c r="Q150" s="236"/>
      <c r="R150" s="236"/>
      <c r="S150" s="236"/>
      <c r="T150" s="236"/>
      <c r="U150" s="236"/>
      <c r="V150" s="236"/>
      <c r="W150" s="237"/>
      <c r="X150" s="269"/>
      <c r="Y150" s="259"/>
      <c r="Z150" s="259"/>
      <c r="AA150" s="259"/>
      <c r="AB150" s="259"/>
      <c r="AC150" s="259"/>
      <c r="AD150" s="259"/>
      <c r="AE150" s="259"/>
      <c r="AF150" s="259"/>
      <c r="AG150" s="259"/>
      <c r="AH150" s="259"/>
      <c r="AI150" s="259"/>
      <c r="AJ150" s="259"/>
      <c r="AK150" s="259"/>
      <c r="AL150" s="259"/>
      <c r="AM150" s="259"/>
      <c r="AN150" s="259"/>
      <c r="AO150" s="259"/>
      <c r="AP150" s="259"/>
      <c r="AQ150" s="259"/>
      <c r="AR150" s="259"/>
      <c r="AS150" s="259"/>
      <c r="AT150" s="259"/>
      <c r="AU150" s="259"/>
      <c r="AV150" s="259"/>
      <c r="AW150" s="259"/>
      <c r="AX150" s="259"/>
      <c r="AY150" s="259"/>
      <c r="AZ150" s="259"/>
      <c r="BA150" s="259"/>
      <c r="BB150" s="259"/>
      <c r="BC150" s="259"/>
      <c r="BD150" s="259"/>
      <c r="BE150" s="259"/>
      <c r="BF150" s="259"/>
      <c r="BG150" s="259"/>
      <c r="BH150" s="259"/>
      <c r="BI150" s="261"/>
    </row>
    <row r="151" spans="1:61">
      <c r="A151" s="238"/>
      <c r="B151" s="239"/>
      <c r="C151" s="239"/>
      <c r="D151" s="239"/>
      <c r="E151" s="239"/>
      <c r="F151" s="239"/>
      <c r="G151" s="240"/>
      <c r="H151" s="245"/>
      <c r="I151" s="242"/>
      <c r="J151" s="243"/>
      <c r="K151" s="243"/>
      <c r="L151" s="243"/>
      <c r="M151" s="243"/>
      <c r="N151" s="243"/>
      <c r="O151" s="243"/>
      <c r="P151" s="243"/>
      <c r="Q151" s="243"/>
      <c r="R151" s="243"/>
      <c r="S151" s="243"/>
      <c r="T151" s="243"/>
      <c r="U151" s="243"/>
      <c r="V151" s="243"/>
      <c r="W151" s="244"/>
      <c r="X151" s="270"/>
      <c r="Y151" s="264"/>
      <c r="Z151" s="264"/>
      <c r="AA151" s="264"/>
      <c r="AB151" s="264"/>
      <c r="AC151" s="264"/>
      <c r="AD151" s="264"/>
      <c r="AE151" s="264"/>
      <c r="AF151" s="264"/>
      <c r="AG151" s="264"/>
      <c r="AH151" s="264"/>
      <c r="AI151" s="264"/>
      <c r="AJ151" s="264"/>
      <c r="AK151" s="264"/>
      <c r="AL151" s="264"/>
      <c r="AM151" s="264"/>
      <c r="AN151" s="264"/>
      <c r="AO151" s="264"/>
      <c r="AP151" s="264"/>
      <c r="AQ151" s="264"/>
      <c r="AR151" s="264"/>
      <c r="AS151" s="264"/>
      <c r="AT151" s="264"/>
      <c r="AU151" s="264"/>
      <c r="AV151" s="264"/>
      <c r="AW151" s="264"/>
      <c r="AX151" s="264"/>
      <c r="AY151" s="264"/>
      <c r="AZ151" s="264"/>
      <c r="BA151" s="264"/>
      <c r="BB151" s="264"/>
      <c r="BC151" s="264"/>
      <c r="BD151" s="264"/>
      <c r="BE151" s="264"/>
      <c r="BF151" s="264"/>
      <c r="BG151" s="264"/>
      <c r="BH151" s="264"/>
      <c r="BI151" s="265"/>
    </row>
    <row r="152" spans="1:61">
      <c r="A152" s="226" t="s">
        <v>344</v>
      </c>
      <c r="C152" s="226" t="s">
        <v>345</v>
      </c>
    </row>
    <row r="153" spans="1:61">
      <c r="C153" s="226" t="s">
        <v>346</v>
      </c>
    </row>
    <row r="154" spans="1:61">
      <c r="C154" s="226" t="s">
        <v>347</v>
      </c>
    </row>
  </sheetData>
  <mergeCells count="112">
    <mergeCell ref="M141:V141"/>
    <mergeCell ref="AB141:BI142"/>
    <mergeCell ref="A145:G145"/>
    <mergeCell ref="AC148:BH148"/>
    <mergeCell ref="AF137:AG137"/>
    <mergeCell ref="AI137:AJ137"/>
    <mergeCell ref="AQ137:BH137"/>
    <mergeCell ref="AV139:BH139"/>
    <mergeCell ref="AB140:AG140"/>
    <mergeCell ref="AP140:AR140"/>
    <mergeCell ref="AP133:BH133"/>
    <mergeCell ref="Z134:AA134"/>
    <mergeCell ref="AF134:AG134"/>
    <mergeCell ref="AL134:AM134"/>
    <mergeCell ref="AB136:AK136"/>
    <mergeCell ref="AP136:AR136"/>
    <mergeCell ref="AY136:BH136"/>
    <mergeCell ref="AF125:BH125"/>
    <mergeCell ref="AC127:BH127"/>
    <mergeCell ref="A130:G130"/>
    <mergeCell ref="AD130:AN130"/>
    <mergeCell ref="AT130:BH130"/>
    <mergeCell ref="AC131:BH131"/>
    <mergeCell ref="AD111:BH111"/>
    <mergeCell ref="AD112:BH112"/>
    <mergeCell ref="A118:G118"/>
    <mergeCell ref="AJ121:BC121"/>
    <mergeCell ref="I122:W123"/>
    <mergeCell ref="AF123:BH123"/>
    <mergeCell ref="A107:G107"/>
    <mergeCell ref="AE108:AN108"/>
    <mergeCell ref="AV108:BH108"/>
    <mergeCell ref="AE109:AN109"/>
    <mergeCell ref="AV109:BH109"/>
    <mergeCell ref="AD110:AN110"/>
    <mergeCell ref="AC100:BH100"/>
    <mergeCell ref="AC101:BH101"/>
    <mergeCell ref="A103:G104"/>
    <mergeCell ref="AG103:BH103"/>
    <mergeCell ref="AD104:BH104"/>
    <mergeCell ref="AC105:BH105"/>
    <mergeCell ref="AW92:BC92"/>
    <mergeCell ref="AG93:BH93"/>
    <mergeCell ref="M94:V94"/>
    <mergeCell ref="AC94:BH94"/>
    <mergeCell ref="A97:G97"/>
    <mergeCell ref="AG99:AH99"/>
    <mergeCell ref="AJ99:AK99"/>
    <mergeCell ref="AI84:BH84"/>
    <mergeCell ref="AT87:BH87"/>
    <mergeCell ref="AN88:AO88"/>
    <mergeCell ref="AF89:AK89"/>
    <mergeCell ref="AT89:BA89"/>
    <mergeCell ref="AD90:AK90"/>
    <mergeCell ref="AD67:AE67"/>
    <mergeCell ref="AD68:BH68"/>
    <mergeCell ref="AC69:BH69"/>
    <mergeCell ref="AJ71:BC71"/>
    <mergeCell ref="AC73:BH73"/>
    <mergeCell ref="A81:G82"/>
    <mergeCell ref="AK81:AL81"/>
    <mergeCell ref="I82:W83"/>
    <mergeCell ref="AI82:BC82"/>
    <mergeCell ref="AJ61:BH61"/>
    <mergeCell ref="AJ62:BH62"/>
    <mergeCell ref="M63:V63"/>
    <mergeCell ref="AC63:BH63"/>
    <mergeCell ref="A65:G65"/>
    <mergeCell ref="AJ66:BC66"/>
    <mergeCell ref="BF54:BH54"/>
    <mergeCell ref="AG55:BH55"/>
    <mergeCell ref="AG56:BH56"/>
    <mergeCell ref="I57:W58"/>
    <mergeCell ref="AJ58:BC58"/>
    <mergeCell ref="AJ60:BC60"/>
    <mergeCell ref="M42:V42"/>
    <mergeCell ref="AC42:BH42"/>
    <mergeCell ref="A44:G44"/>
    <mergeCell ref="AJ45:BC45"/>
    <mergeCell ref="AJ47:AW47"/>
    <mergeCell ref="AF48:AH48"/>
    <mergeCell ref="A33:G33"/>
    <mergeCell ref="AY34:BH34"/>
    <mergeCell ref="AF36:AK36"/>
    <mergeCell ref="AR36:BC36"/>
    <mergeCell ref="AM39:BC39"/>
    <mergeCell ref="AJ41:BC41"/>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2"/>
  <printOptions horizontalCentered="1"/>
  <pageMargins left="0.31496062992125984" right="0.19685039370078741" top="0.9055118110236221" bottom="0.51181102362204722" header="0.47244094488188981" footer="0.27559055118110237"/>
  <pageSetup paperSize="9" scale="93" orientation="landscape" useFirstPageNumber="1" horizontalDpi="4294967292" verticalDpi="1200" r:id="rId1"/>
  <headerFooter alignWithMargins="0">
    <oddHeader>&amp;C&amp;"ＭＳ Ｐ明朝,標準"&amp;16施工条件明示一覧表&amp;R&amp;"ＭＳ Ｐ明朝,標準"&amp;12№&amp;P</oddHeader>
    <oddFooter>&amp;C&amp;P ページ</oddFooter>
  </headerFooter>
  <rowBreaks count="3" manualBreakCount="3">
    <brk id="43" max="60" man="1"/>
    <brk id="80" max="60" man="1"/>
    <brk id="117" max="60"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6</xdr:col>
                    <xdr:colOff>161925</xdr:colOff>
                    <xdr:row>31</xdr:row>
                    <xdr:rowOff>152400</xdr:rowOff>
                  </from>
                  <to>
                    <xdr:col>8</xdr:col>
                    <xdr:colOff>104775</xdr:colOff>
                    <xdr:row>33</xdr:row>
                    <xdr:rowOff>381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1062" r:id="rId41" name="Check Box 38">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1064" r:id="rId43" name="Check Box 40">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1065" r:id="rId44" name="Check Box 41">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1066" r:id="rId45" name="Check Box 42">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1067" r:id="rId46" name="Check Box 43">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1068" r:id="rId47" name="Check Box 44">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1069" r:id="rId48" name="Check Box 45">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1070" r:id="rId49" name="Check Box 46">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1071" r:id="rId50" name="Check Box 47">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1072" r:id="rId51" name="Check Box 48">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1073" r:id="rId52" name="Check Box 4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1074" r:id="rId53" name="Check Box 50">
              <controlPr defaultSize="0" autoFill="0" autoLine="0" autoPict="0">
                <anchor moveWithCells="1">
                  <from>
                    <xdr:col>22</xdr:col>
                    <xdr:colOff>161925</xdr:colOff>
                    <xdr:row>43</xdr:row>
                    <xdr:rowOff>9525</xdr:rowOff>
                  </from>
                  <to>
                    <xdr:col>24</xdr:col>
                    <xdr:colOff>104775</xdr:colOff>
                    <xdr:row>44</xdr:row>
                    <xdr:rowOff>28575</xdr:rowOff>
                  </to>
                </anchor>
              </controlPr>
            </control>
          </mc:Choice>
        </mc:AlternateContent>
        <mc:AlternateContent xmlns:mc="http://schemas.openxmlformats.org/markup-compatibility/2006">
          <mc:Choice Requires="x14">
            <control shapeId="1075" r:id="rId54" name="Check Box 51">
              <controlPr defaultSize="0" autoFill="0" autoLine="0" autoPict="0">
                <anchor moveWithCells="1">
                  <from>
                    <xdr:col>23</xdr:col>
                    <xdr:colOff>152400</xdr:colOff>
                    <xdr:row>44</xdr:row>
                    <xdr:rowOff>0</xdr:rowOff>
                  </from>
                  <to>
                    <xdr:col>25</xdr:col>
                    <xdr:colOff>95250</xdr:colOff>
                    <xdr:row>45</xdr:row>
                    <xdr:rowOff>38100</xdr:rowOff>
                  </to>
                </anchor>
              </controlPr>
            </control>
          </mc:Choice>
        </mc:AlternateContent>
        <mc:AlternateContent xmlns:mc="http://schemas.openxmlformats.org/markup-compatibility/2006">
          <mc:Choice Requires="x14">
            <control shapeId="1076" r:id="rId55" name="Check Box 52">
              <controlPr defaultSize="0" autoFill="0" autoLine="0" autoPict="0">
                <anchor moveWithCells="1">
                  <from>
                    <xdr:col>22</xdr:col>
                    <xdr:colOff>171450</xdr:colOff>
                    <xdr:row>44</xdr:row>
                    <xdr:rowOff>142875</xdr:rowOff>
                  </from>
                  <to>
                    <xdr:col>24</xdr:col>
                    <xdr:colOff>114300</xdr:colOff>
                    <xdr:row>46</xdr:row>
                    <xdr:rowOff>28575</xdr:rowOff>
                  </to>
                </anchor>
              </controlPr>
            </control>
          </mc:Choice>
        </mc:AlternateContent>
        <mc:AlternateContent xmlns:mc="http://schemas.openxmlformats.org/markup-compatibility/2006">
          <mc:Choice Requires="x14">
            <control shapeId="1077" r:id="rId56" name="Check Box 53">
              <controlPr defaultSize="0" autoFill="0" autoLine="0" autoPict="0">
                <anchor moveWithCells="1">
                  <from>
                    <xdr:col>23</xdr:col>
                    <xdr:colOff>171450</xdr:colOff>
                    <xdr:row>45</xdr:row>
                    <xdr:rowOff>152400</xdr:rowOff>
                  </from>
                  <to>
                    <xdr:col>25</xdr:col>
                    <xdr:colOff>114300</xdr:colOff>
                    <xdr:row>47</xdr:row>
                    <xdr:rowOff>38100</xdr:rowOff>
                  </to>
                </anchor>
              </controlPr>
            </control>
          </mc:Choice>
        </mc:AlternateContent>
        <mc:AlternateContent xmlns:mc="http://schemas.openxmlformats.org/markup-compatibility/2006">
          <mc:Choice Requires="x14">
            <control shapeId="1078" r:id="rId57" name="Check Box 54">
              <controlPr defaultSize="0" autoFill="0" autoLine="0" autoPict="0">
                <anchor moveWithCells="1">
                  <from>
                    <xdr:col>29</xdr:col>
                    <xdr:colOff>152400</xdr:colOff>
                    <xdr:row>45</xdr:row>
                    <xdr:rowOff>133350</xdr:rowOff>
                  </from>
                  <to>
                    <xdr:col>31</xdr:col>
                    <xdr:colOff>95250</xdr:colOff>
                    <xdr:row>47</xdr:row>
                    <xdr:rowOff>38100</xdr:rowOff>
                  </to>
                </anchor>
              </controlPr>
            </control>
          </mc:Choice>
        </mc:AlternateContent>
        <mc:AlternateContent xmlns:mc="http://schemas.openxmlformats.org/markup-compatibility/2006">
          <mc:Choice Requires="x14">
            <control shapeId="1079" r:id="rId58" name="Check Box 55">
              <controlPr defaultSize="0" autoFill="0" autoLine="0" autoPict="0">
                <anchor moveWithCells="1">
                  <from>
                    <xdr:col>29</xdr:col>
                    <xdr:colOff>152400</xdr:colOff>
                    <xdr:row>43</xdr:row>
                    <xdr:rowOff>171450</xdr:rowOff>
                  </from>
                  <to>
                    <xdr:col>31</xdr:col>
                    <xdr:colOff>95250</xdr:colOff>
                    <xdr:row>45</xdr:row>
                    <xdr:rowOff>38100</xdr:rowOff>
                  </to>
                </anchor>
              </controlPr>
            </control>
          </mc:Choice>
        </mc:AlternateContent>
        <mc:AlternateContent xmlns:mc="http://schemas.openxmlformats.org/markup-compatibility/2006">
          <mc:Choice Requires="x14">
            <control shapeId="1080" r:id="rId59" name="Check Box 56">
              <controlPr defaultSize="0" autoFill="0" autoLine="0" autoPict="0">
                <anchor moveWithCells="1">
                  <from>
                    <xdr:col>49</xdr:col>
                    <xdr:colOff>161925</xdr:colOff>
                    <xdr:row>45</xdr:row>
                    <xdr:rowOff>142875</xdr:rowOff>
                  </from>
                  <to>
                    <xdr:col>51</xdr:col>
                    <xdr:colOff>104775</xdr:colOff>
                    <xdr:row>47</xdr:row>
                    <xdr:rowOff>28575</xdr:rowOff>
                  </to>
                </anchor>
              </controlPr>
            </control>
          </mc:Choice>
        </mc:AlternateContent>
        <mc:AlternateContent xmlns:mc="http://schemas.openxmlformats.org/markup-compatibility/2006">
          <mc:Choice Requires="x14">
            <control shapeId="1081" r:id="rId60" name="Check Box 57">
              <controlPr defaultSize="0" autoFill="0" autoLine="0" autoPict="0">
                <anchor moveWithCells="1">
                  <from>
                    <xdr:col>54</xdr:col>
                    <xdr:colOff>152400</xdr:colOff>
                    <xdr:row>45</xdr:row>
                    <xdr:rowOff>152400</xdr:rowOff>
                  </from>
                  <to>
                    <xdr:col>56</xdr:col>
                    <xdr:colOff>95250</xdr:colOff>
                    <xdr:row>47</xdr:row>
                    <xdr:rowOff>38100</xdr:rowOff>
                  </to>
                </anchor>
              </controlPr>
            </control>
          </mc:Choice>
        </mc:AlternateContent>
        <mc:AlternateContent xmlns:mc="http://schemas.openxmlformats.org/markup-compatibility/2006">
          <mc:Choice Requires="x14">
            <control shapeId="1082" r:id="rId61" name="Check Box 58">
              <controlPr defaultSize="0" autoFill="0" autoLine="0" autoPict="0">
                <anchor moveWithCells="1">
                  <from>
                    <xdr:col>23</xdr:col>
                    <xdr:colOff>171450</xdr:colOff>
                    <xdr:row>46</xdr:row>
                    <xdr:rowOff>142875</xdr:rowOff>
                  </from>
                  <to>
                    <xdr:col>25</xdr:col>
                    <xdr:colOff>114300</xdr:colOff>
                    <xdr:row>48</xdr:row>
                    <xdr:rowOff>28575</xdr:rowOff>
                  </to>
                </anchor>
              </controlPr>
            </control>
          </mc:Choice>
        </mc:AlternateContent>
        <mc:AlternateContent xmlns:mc="http://schemas.openxmlformats.org/markup-compatibility/2006">
          <mc:Choice Requires="x14">
            <control shapeId="1083"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1084" r:id="rId63" name="Check Box 60">
              <controlPr defaultSize="0" autoFill="0" autoLine="0" autoPict="0">
                <anchor moveWithCells="1">
                  <from>
                    <xdr:col>6</xdr:col>
                    <xdr:colOff>161925</xdr:colOff>
                    <xdr:row>50</xdr:row>
                    <xdr:rowOff>142875</xdr:rowOff>
                  </from>
                  <to>
                    <xdr:col>8</xdr:col>
                    <xdr:colOff>104775</xdr:colOff>
                    <xdr:row>52</xdr:row>
                    <xdr:rowOff>28575</xdr:rowOff>
                  </to>
                </anchor>
              </controlPr>
            </control>
          </mc:Choice>
        </mc:AlternateContent>
        <mc:AlternateContent xmlns:mc="http://schemas.openxmlformats.org/markup-compatibility/2006">
          <mc:Choice Requires="x14">
            <control shapeId="1085" r:id="rId64" name="Check Box 61">
              <controlPr defaultSize="0" autoFill="0" autoLine="0" autoPict="0">
                <anchor moveWithCells="1">
                  <from>
                    <xdr:col>31</xdr:col>
                    <xdr:colOff>161925</xdr:colOff>
                    <xdr:row>52</xdr:row>
                    <xdr:rowOff>133350</xdr:rowOff>
                  </from>
                  <to>
                    <xdr:col>33</xdr:col>
                    <xdr:colOff>104775</xdr:colOff>
                    <xdr:row>54</xdr:row>
                    <xdr:rowOff>19050</xdr:rowOff>
                  </to>
                </anchor>
              </controlPr>
            </control>
          </mc:Choice>
        </mc:AlternateContent>
        <mc:AlternateContent xmlns:mc="http://schemas.openxmlformats.org/markup-compatibility/2006">
          <mc:Choice Requires="x14">
            <control shapeId="1086" r:id="rId65" name="Check Box 62">
              <controlPr defaultSize="0" autoFill="0" autoLine="0" autoPict="0">
                <anchor moveWithCells="1">
                  <from>
                    <xdr:col>35</xdr:col>
                    <xdr:colOff>152400</xdr:colOff>
                    <xdr:row>52</xdr:row>
                    <xdr:rowOff>142875</xdr:rowOff>
                  </from>
                  <to>
                    <xdr:col>37</xdr:col>
                    <xdr:colOff>95250</xdr:colOff>
                    <xdr:row>54</xdr:row>
                    <xdr:rowOff>28575</xdr:rowOff>
                  </to>
                </anchor>
              </controlPr>
            </control>
          </mc:Choice>
        </mc:AlternateContent>
        <mc:AlternateContent xmlns:mc="http://schemas.openxmlformats.org/markup-compatibility/2006">
          <mc:Choice Requires="x14">
            <control shapeId="1087" r:id="rId66" name="Check Box 63">
              <controlPr defaultSize="0" autoFill="0" autoLine="0" autoPict="0">
                <anchor moveWithCells="1">
                  <from>
                    <xdr:col>39</xdr:col>
                    <xdr:colOff>161925</xdr:colOff>
                    <xdr:row>52</xdr:row>
                    <xdr:rowOff>142875</xdr:rowOff>
                  </from>
                  <to>
                    <xdr:col>41</xdr:col>
                    <xdr:colOff>104775</xdr:colOff>
                    <xdr:row>54</xdr:row>
                    <xdr:rowOff>28575</xdr:rowOff>
                  </to>
                </anchor>
              </controlPr>
            </control>
          </mc:Choice>
        </mc:AlternateContent>
        <mc:AlternateContent xmlns:mc="http://schemas.openxmlformats.org/markup-compatibility/2006">
          <mc:Choice Requires="x14">
            <control shapeId="1088" r:id="rId67" name="Check Box 64">
              <controlPr defaultSize="0" autoFill="0" autoLine="0" autoPict="0">
                <anchor moveWithCells="1">
                  <from>
                    <xdr:col>43</xdr:col>
                    <xdr:colOff>171450</xdr:colOff>
                    <xdr:row>52</xdr:row>
                    <xdr:rowOff>142875</xdr:rowOff>
                  </from>
                  <to>
                    <xdr:col>45</xdr:col>
                    <xdr:colOff>114300</xdr:colOff>
                    <xdr:row>54</xdr:row>
                    <xdr:rowOff>28575</xdr:rowOff>
                  </to>
                </anchor>
              </controlPr>
            </control>
          </mc:Choice>
        </mc:AlternateContent>
        <mc:AlternateContent xmlns:mc="http://schemas.openxmlformats.org/markup-compatibility/2006">
          <mc:Choice Requires="x14">
            <control shapeId="1089" r:id="rId68" name="Check Box 65">
              <controlPr defaultSize="0" autoFill="0" autoLine="0" autoPict="0">
                <anchor moveWithCells="1">
                  <from>
                    <xdr:col>47</xdr:col>
                    <xdr:colOff>142875</xdr:colOff>
                    <xdr:row>52</xdr:row>
                    <xdr:rowOff>152400</xdr:rowOff>
                  </from>
                  <to>
                    <xdr:col>49</xdr:col>
                    <xdr:colOff>85725</xdr:colOff>
                    <xdr:row>54</xdr:row>
                    <xdr:rowOff>38100</xdr:rowOff>
                  </to>
                </anchor>
              </controlPr>
            </control>
          </mc:Choice>
        </mc:AlternateContent>
        <mc:AlternateContent xmlns:mc="http://schemas.openxmlformats.org/markup-compatibility/2006">
          <mc:Choice Requires="x14">
            <control shapeId="1090" r:id="rId69" name="Check Box 66">
              <controlPr defaultSize="0" autoFill="0" autoLine="0" autoPict="0">
                <anchor moveWithCells="1">
                  <from>
                    <xdr:col>51</xdr:col>
                    <xdr:colOff>161925</xdr:colOff>
                    <xdr:row>52</xdr:row>
                    <xdr:rowOff>142875</xdr:rowOff>
                  </from>
                  <to>
                    <xdr:col>53</xdr:col>
                    <xdr:colOff>104775</xdr:colOff>
                    <xdr:row>54</xdr:row>
                    <xdr:rowOff>28575</xdr:rowOff>
                  </to>
                </anchor>
              </controlPr>
            </control>
          </mc:Choice>
        </mc:AlternateContent>
        <mc:AlternateContent xmlns:mc="http://schemas.openxmlformats.org/markup-compatibility/2006">
          <mc:Choice Requires="x14">
            <control shapeId="1091" r:id="rId70" name="Check Box 67">
              <controlPr defaultSize="0" autoFill="0" autoLine="0" autoPict="0">
                <anchor moveWithCells="1">
                  <from>
                    <xdr:col>22</xdr:col>
                    <xdr:colOff>161925</xdr:colOff>
                    <xdr:row>55</xdr:row>
                    <xdr:rowOff>152400</xdr:rowOff>
                  </from>
                  <to>
                    <xdr:col>24</xdr:col>
                    <xdr:colOff>104775</xdr:colOff>
                    <xdr:row>57</xdr:row>
                    <xdr:rowOff>38100</xdr:rowOff>
                  </to>
                </anchor>
              </controlPr>
            </control>
          </mc:Choice>
        </mc:AlternateContent>
        <mc:AlternateContent xmlns:mc="http://schemas.openxmlformats.org/markup-compatibility/2006">
          <mc:Choice Requires="x14">
            <control shapeId="1092" r:id="rId71" name="Check Box 68">
              <controlPr defaultSize="0" autoFill="0" autoLine="0" autoPict="0">
                <anchor moveWithCells="1">
                  <from>
                    <xdr:col>23</xdr:col>
                    <xdr:colOff>152400</xdr:colOff>
                    <xdr:row>56</xdr:row>
                    <xdr:rowOff>142875</xdr:rowOff>
                  </from>
                  <to>
                    <xdr:col>25</xdr:col>
                    <xdr:colOff>95250</xdr:colOff>
                    <xdr:row>58</xdr:row>
                    <xdr:rowOff>28575</xdr:rowOff>
                  </to>
                </anchor>
              </controlPr>
            </control>
          </mc:Choice>
        </mc:AlternateContent>
        <mc:AlternateContent xmlns:mc="http://schemas.openxmlformats.org/markup-compatibility/2006">
          <mc:Choice Requires="x14">
            <control shapeId="1093" r:id="rId72" name="Check Box 69">
              <controlPr defaultSize="0" autoFill="0" autoLine="0" autoPict="0">
                <anchor moveWithCells="1">
                  <from>
                    <xdr:col>29</xdr:col>
                    <xdr:colOff>152400</xdr:colOff>
                    <xdr:row>56</xdr:row>
                    <xdr:rowOff>142875</xdr:rowOff>
                  </from>
                  <to>
                    <xdr:col>31</xdr:col>
                    <xdr:colOff>95250</xdr:colOff>
                    <xdr:row>58</xdr:row>
                    <xdr:rowOff>28575</xdr:rowOff>
                  </to>
                </anchor>
              </controlPr>
            </control>
          </mc:Choice>
        </mc:AlternateContent>
        <mc:AlternateContent xmlns:mc="http://schemas.openxmlformats.org/markup-compatibility/2006">
          <mc:Choice Requires="x14">
            <control shapeId="1094" r:id="rId73" name="Check Box 70">
              <controlPr defaultSize="0" autoFill="0" autoLine="0" autoPict="0">
                <anchor moveWithCells="1">
                  <from>
                    <xdr:col>22</xdr:col>
                    <xdr:colOff>161925</xdr:colOff>
                    <xdr:row>57</xdr:row>
                    <xdr:rowOff>142875</xdr:rowOff>
                  </from>
                  <to>
                    <xdr:col>24</xdr:col>
                    <xdr:colOff>104775</xdr:colOff>
                    <xdr:row>59</xdr:row>
                    <xdr:rowOff>28575</xdr:rowOff>
                  </to>
                </anchor>
              </controlPr>
            </control>
          </mc:Choice>
        </mc:AlternateContent>
        <mc:AlternateContent xmlns:mc="http://schemas.openxmlformats.org/markup-compatibility/2006">
          <mc:Choice Requires="x14">
            <control shapeId="1095" r:id="rId74" name="Check Box 71">
              <controlPr defaultSize="0" autoFill="0" autoLine="0" autoPict="0">
                <anchor moveWithCells="1">
                  <from>
                    <xdr:col>23</xdr:col>
                    <xdr:colOff>152400</xdr:colOff>
                    <xdr:row>58</xdr:row>
                    <xdr:rowOff>142875</xdr:rowOff>
                  </from>
                  <to>
                    <xdr:col>25</xdr:col>
                    <xdr:colOff>95250</xdr:colOff>
                    <xdr:row>60</xdr:row>
                    <xdr:rowOff>28575</xdr:rowOff>
                  </to>
                </anchor>
              </controlPr>
            </control>
          </mc:Choice>
        </mc:AlternateContent>
        <mc:AlternateContent xmlns:mc="http://schemas.openxmlformats.org/markup-compatibility/2006">
          <mc:Choice Requires="x14">
            <control shapeId="1096" r:id="rId75" name="Check Box 72">
              <controlPr defaultSize="0" autoFill="0" autoLine="0" autoPict="0">
                <anchor moveWithCells="1">
                  <from>
                    <xdr:col>55</xdr:col>
                    <xdr:colOff>152400</xdr:colOff>
                    <xdr:row>58</xdr:row>
                    <xdr:rowOff>152400</xdr:rowOff>
                  </from>
                  <to>
                    <xdr:col>57</xdr:col>
                    <xdr:colOff>95250</xdr:colOff>
                    <xdr:row>60</xdr:row>
                    <xdr:rowOff>38100</xdr:rowOff>
                  </to>
                </anchor>
              </controlPr>
            </control>
          </mc:Choice>
        </mc:AlternateContent>
        <mc:AlternateContent xmlns:mc="http://schemas.openxmlformats.org/markup-compatibility/2006">
          <mc:Choice Requires="x14">
            <control shapeId="1097" r:id="rId76" name="Check Box 73">
              <controlPr defaultSize="0" autoFill="0" autoLine="0" autoPict="0">
                <anchor moveWithCells="1">
                  <from>
                    <xdr:col>29</xdr:col>
                    <xdr:colOff>152400</xdr:colOff>
                    <xdr:row>58</xdr:row>
                    <xdr:rowOff>142875</xdr:rowOff>
                  </from>
                  <to>
                    <xdr:col>31</xdr:col>
                    <xdr:colOff>95250</xdr:colOff>
                    <xdr:row>60</xdr:row>
                    <xdr:rowOff>28575</xdr:rowOff>
                  </to>
                </anchor>
              </controlPr>
            </control>
          </mc:Choice>
        </mc:AlternateContent>
        <mc:AlternateContent xmlns:mc="http://schemas.openxmlformats.org/markup-compatibility/2006">
          <mc:Choice Requires="x14">
            <control shapeId="1098" r:id="rId77" name="Check Box 74">
              <controlPr defaultSize="0" autoFill="0" autoLine="0" autoPict="0">
                <anchor moveWithCells="1">
                  <from>
                    <xdr:col>6</xdr:col>
                    <xdr:colOff>161925</xdr:colOff>
                    <xdr:row>55</xdr:row>
                    <xdr:rowOff>142875</xdr:rowOff>
                  </from>
                  <to>
                    <xdr:col>8</xdr:col>
                    <xdr:colOff>104775</xdr:colOff>
                    <xdr:row>57</xdr:row>
                    <xdr:rowOff>28575</xdr:rowOff>
                  </to>
                </anchor>
              </controlPr>
            </control>
          </mc:Choice>
        </mc:AlternateContent>
        <mc:AlternateContent xmlns:mc="http://schemas.openxmlformats.org/markup-compatibility/2006">
          <mc:Choice Requires="x14">
            <control shapeId="1099" r:id="rId78" name="Check Box 75">
              <controlPr defaultSize="0" autoFill="0" autoLine="0" autoPict="0">
                <anchor moveWithCells="1">
                  <from>
                    <xdr:col>6</xdr:col>
                    <xdr:colOff>161925</xdr:colOff>
                    <xdr:row>59</xdr:row>
                    <xdr:rowOff>142875</xdr:rowOff>
                  </from>
                  <to>
                    <xdr:col>8</xdr:col>
                    <xdr:colOff>104775</xdr:colOff>
                    <xdr:row>61</xdr:row>
                    <xdr:rowOff>28575</xdr:rowOff>
                  </to>
                </anchor>
              </controlPr>
            </control>
          </mc:Choice>
        </mc:AlternateContent>
        <mc:AlternateContent xmlns:mc="http://schemas.openxmlformats.org/markup-compatibility/2006">
          <mc:Choice Requires="x14">
            <control shapeId="1100" r:id="rId79" name="Check Box 76">
              <controlPr defaultSize="0" autoFill="0" autoLine="0" autoPict="0">
                <anchor moveWithCells="1">
                  <from>
                    <xdr:col>6</xdr:col>
                    <xdr:colOff>161925</xdr:colOff>
                    <xdr:row>61</xdr:row>
                    <xdr:rowOff>152400</xdr:rowOff>
                  </from>
                  <to>
                    <xdr:col>8</xdr:col>
                    <xdr:colOff>104775</xdr:colOff>
                    <xdr:row>63</xdr:row>
                    <xdr:rowOff>38100</xdr:rowOff>
                  </to>
                </anchor>
              </controlPr>
            </control>
          </mc:Choice>
        </mc:AlternateContent>
        <mc:AlternateContent xmlns:mc="http://schemas.openxmlformats.org/markup-compatibility/2006">
          <mc:Choice Requires="x14">
            <control shapeId="1101" r:id="rId80" name="Check Box 77">
              <controlPr defaultSize="0" autoFill="0" autoLine="0" autoPict="0">
                <anchor moveWithCells="1">
                  <from>
                    <xdr:col>6</xdr:col>
                    <xdr:colOff>161925</xdr:colOff>
                    <xdr:row>63</xdr:row>
                    <xdr:rowOff>142875</xdr:rowOff>
                  </from>
                  <to>
                    <xdr:col>8</xdr:col>
                    <xdr:colOff>104775</xdr:colOff>
                    <xdr:row>65</xdr:row>
                    <xdr:rowOff>28575</xdr:rowOff>
                  </to>
                </anchor>
              </controlPr>
            </control>
          </mc:Choice>
        </mc:AlternateContent>
        <mc:AlternateContent xmlns:mc="http://schemas.openxmlformats.org/markup-compatibility/2006">
          <mc:Choice Requires="x14">
            <control shapeId="1102" r:id="rId81" name="Check Box 78">
              <controlPr defaultSize="0" autoFill="0" autoLine="0" autoPict="0">
                <anchor moveWithCells="1">
                  <from>
                    <xdr:col>22</xdr:col>
                    <xdr:colOff>161925</xdr:colOff>
                    <xdr:row>63</xdr:row>
                    <xdr:rowOff>142875</xdr:rowOff>
                  </from>
                  <to>
                    <xdr:col>24</xdr:col>
                    <xdr:colOff>104775</xdr:colOff>
                    <xdr:row>65</xdr:row>
                    <xdr:rowOff>28575</xdr:rowOff>
                  </to>
                </anchor>
              </controlPr>
            </control>
          </mc:Choice>
        </mc:AlternateContent>
        <mc:AlternateContent xmlns:mc="http://schemas.openxmlformats.org/markup-compatibility/2006">
          <mc:Choice Requires="x14">
            <control shapeId="1103" r:id="rId82" name="Check Box 79">
              <controlPr defaultSize="0" autoFill="0" autoLine="0" autoPict="0">
                <anchor moveWithCells="1">
                  <from>
                    <xdr:col>23</xdr:col>
                    <xdr:colOff>152400</xdr:colOff>
                    <xdr:row>64</xdr:row>
                    <xdr:rowOff>161925</xdr:rowOff>
                  </from>
                  <to>
                    <xdr:col>25</xdr:col>
                    <xdr:colOff>95250</xdr:colOff>
                    <xdr:row>66</xdr:row>
                    <xdr:rowOff>47625</xdr:rowOff>
                  </to>
                </anchor>
              </controlPr>
            </control>
          </mc:Choice>
        </mc:AlternateContent>
        <mc:AlternateContent xmlns:mc="http://schemas.openxmlformats.org/markup-compatibility/2006">
          <mc:Choice Requires="x14">
            <control shapeId="1104" r:id="rId83" name="Check Box 80">
              <controlPr defaultSize="0" autoFill="0" autoLine="0" autoPict="0">
                <anchor moveWithCells="1">
                  <from>
                    <xdr:col>29</xdr:col>
                    <xdr:colOff>152400</xdr:colOff>
                    <xdr:row>64</xdr:row>
                    <xdr:rowOff>161925</xdr:rowOff>
                  </from>
                  <to>
                    <xdr:col>31</xdr:col>
                    <xdr:colOff>95250</xdr:colOff>
                    <xdr:row>66</xdr:row>
                    <xdr:rowOff>47625</xdr:rowOff>
                  </to>
                </anchor>
              </controlPr>
            </control>
          </mc:Choice>
        </mc:AlternateContent>
        <mc:AlternateContent xmlns:mc="http://schemas.openxmlformats.org/markup-compatibility/2006">
          <mc:Choice Requires="x14">
            <control shapeId="1105" r:id="rId84" name="Check Box 81">
              <controlPr defaultSize="0" autoFill="0" autoLine="0" autoPict="0">
                <anchor moveWithCells="1">
                  <from>
                    <xdr:col>55</xdr:col>
                    <xdr:colOff>161925</xdr:colOff>
                    <xdr:row>64</xdr:row>
                    <xdr:rowOff>152400</xdr:rowOff>
                  </from>
                  <to>
                    <xdr:col>57</xdr:col>
                    <xdr:colOff>104775</xdr:colOff>
                    <xdr:row>66</xdr:row>
                    <xdr:rowOff>19050</xdr:rowOff>
                  </to>
                </anchor>
              </controlPr>
            </control>
          </mc:Choice>
        </mc:AlternateContent>
        <mc:AlternateContent xmlns:mc="http://schemas.openxmlformats.org/markup-compatibility/2006">
          <mc:Choice Requires="x14">
            <control shapeId="1106" r:id="rId85" name="Check Box 82">
              <controlPr defaultSize="0" autoFill="0" autoLine="0" autoPict="0">
                <anchor moveWithCells="1">
                  <from>
                    <xdr:col>23</xdr:col>
                    <xdr:colOff>152400</xdr:colOff>
                    <xdr:row>69</xdr:row>
                    <xdr:rowOff>161925</xdr:rowOff>
                  </from>
                  <to>
                    <xdr:col>25</xdr:col>
                    <xdr:colOff>95250</xdr:colOff>
                    <xdr:row>71</xdr:row>
                    <xdr:rowOff>47625</xdr:rowOff>
                  </to>
                </anchor>
              </controlPr>
            </control>
          </mc:Choice>
        </mc:AlternateContent>
        <mc:AlternateContent xmlns:mc="http://schemas.openxmlformats.org/markup-compatibility/2006">
          <mc:Choice Requires="x14">
            <control shapeId="1107" r:id="rId86" name="Check Box 83">
              <controlPr defaultSize="0" autoFill="0" autoLine="0" autoPict="0">
                <anchor moveWithCells="1">
                  <from>
                    <xdr:col>29</xdr:col>
                    <xdr:colOff>152400</xdr:colOff>
                    <xdr:row>69</xdr:row>
                    <xdr:rowOff>161925</xdr:rowOff>
                  </from>
                  <to>
                    <xdr:col>31</xdr:col>
                    <xdr:colOff>95250</xdr:colOff>
                    <xdr:row>71</xdr:row>
                    <xdr:rowOff>47625</xdr:rowOff>
                  </to>
                </anchor>
              </controlPr>
            </control>
          </mc:Choice>
        </mc:AlternateContent>
        <mc:AlternateContent xmlns:mc="http://schemas.openxmlformats.org/markup-compatibility/2006">
          <mc:Choice Requires="x14">
            <control shapeId="1108" r:id="rId87" name="Check Box 84">
              <controlPr defaultSize="0" autoFill="0" autoLine="0" autoPict="0">
                <anchor moveWithCells="1">
                  <from>
                    <xdr:col>55</xdr:col>
                    <xdr:colOff>152400</xdr:colOff>
                    <xdr:row>69</xdr:row>
                    <xdr:rowOff>142875</xdr:rowOff>
                  </from>
                  <to>
                    <xdr:col>57</xdr:col>
                    <xdr:colOff>95250</xdr:colOff>
                    <xdr:row>71</xdr:row>
                    <xdr:rowOff>28575</xdr:rowOff>
                  </to>
                </anchor>
              </controlPr>
            </control>
          </mc:Choice>
        </mc:AlternateContent>
        <mc:AlternateContent xmlns:mc="http://schemas.openxmlformats.org/markup-compatibility/2006">
          <mc:Choice Requires="x14">
            <control shapeId="1109" r:id="rId88" name="Check Box 85">
              <controlPr defaultSize="0" autoFill="0" autoLine="0" autoPict="0">
                <anchor moveWithCells="1">
                  <from>
                    <xdr:col>6</xdr:col>
                    <xdr:colOff>161925</xdr:colOff>
                    <xdr:row>68</xdr:row>
                    <xdr:rowOff>152400</xdr:rowOff>
                  </from>
                  <to>
                    <xdr:col>8</xdr:col>
                    <xdr:colOff>104775</xdr:colOff>
                    <xdr:row>70</xdr:row>
                    <xdr:rowOff>38100</xdr:rowOff>
                  </to>
                </anchor>
              </controlPr>
            </control>
          </mc:Choice>
        </mc:AlternateContent>
        <mc:AlternateContent xmlns:mc="http://schemas.openxmlformats.org/markup-compatibility/2006">
          <mc:Choice Requires="x14">
            <control shapeId="1110" r:id="rId89" name="Check Box 86">
              <controlPr defaultSize="0" autoFill="0" autoLine="0" autoPict="0">
                <anchor moveWithCells="1">
                  <from>
                    <xdr:col>22</xdr:col>
                    <xdr:colOff>161925</xdr:colOff>
                    <xdr:row>65</xdr:row>
                    <xdr:rowOff>152400</xdr:rowOff>
                  </from>
                  <to>
                    <xdr:col>24</xdr:col>
                    <xdr:colOff>104775</xdr:colOff>
                    <xdr:row>67</xdr:row>
                    <xdr:rowOff>19050</xdr:rowOff>
                  </to>
                </anchor>
              </controlPr>
            </control>
          </mc:Choice>
        </mc:AlternateContent>
        <mc:AlternateContent xmlns:mc="http://schemas.openxmlformats.org/markup-compatibility/2006">
          <mc:Choice Requires="x14">
            <control shapeId="1111" r:id="rId90" name="Check Box 87">
              <controlPr defaultSize="0" autoFill="0" autoLine="0" autoPict="0">
                <anchor moveWithCells="1">
                  <from>
                    <xdr:col>22</xdr:col>
                    <xdr:colOff>161925</xdr:colOff>
                    <xdr:row>66</xdr:row>
                    <xdr:rowOff>133350</xdr:rowOff>
                  </from>
                  <to>
                    <xdr:col>24</xdr:col>
                    <xdr:colOff>104775</xdr:colOff>
                    <xdr:row>68</xdr:row>
                    <xdr:rowOff>19050</xdr:rowOff>
                  </to>
                </anchor>
              </controlPr>
            </control>
          </mc:Choice>
        </mc:AlternateContent>
        <mc:AlternateContent xmlns:mc="http://schemas.openxmlformats.org/markup-compatibility/2006">
          <mc:Choice Requires="x14">
            <control shapeId="1112" r:id="rId91" name="Check Box 88">
              <controlPr defaultSize="0" autoFill="0" autoLine="0" autoPict="0">
                <anchor moveWithCells="1">
                  <from>
                    <xdr:col>22</xdr:col>
                    <xdr:colOff>171450</xdr:colOff>
                    <xdr:row>67</xdr:row>
                    <xdr:rowOff>133350</xdr:rowOff>
                  </from>
                  <to>
                    <xdr:col>24</xdr:col>
                    <xdr:colOff>114300</xdr:colOff>
                    <xdr:row>69</xdr:row>
                    <xdr:rowOff>19050</xdr:rowOff>
                  </to>
                </anchor>
              </controlPr>
            </control>
          </mc:Choice>
        </mc:AlternateContent>
        <mc:AlternateContent xmlns:mc="http://schemas.openxmlformats.org/markup-compatibility/2006">
          <mc:Choice Requires="x14">
            <control shapeId="1113" r:id="rId92" name="Check Box 89">
              <controlPr defaultSize="0" autoFill="0" autoLine="0" autoPict="0">
                <anchor moveWithCells="1">
                  <from>
                    <xdr:col>22</xdr:col>
                    <xdr:colOff>161925</xdr:colOff>
                    <xdr:row>68</xdr:row>
                    <xdr:rowOff>142875</xdr:rowOff>
                  </from>
                  <to>
                    <xdr:col>24</xdr:col>
                    <xdr:colOff>104775</xdr:colOff>
                    <xdr:row>70</xdr:row>
                    <xdr:rowOff>28575</xdr:rowOff>
                  </to>
                </anchor>
              </controlPr>
            </control>
          </mc:Choice>
        </mc:AlternateContent>
        <mc:AlternateContent xmlns:mc="http://schemas.openxmlformats.org/markup-compatibility/2006">
          <mc:Choice Requires="x14">
            <control shapeId="1114" r:id="rId93" name="Check Box 90">
              <controlPr defaultSize="0" autoFill="0" autoLine="0" autoPict="0">
                <anchor moveWithCells="1">
                  <from>
                    <xdr:col>22</xdr:col>
                    <xdr:colOff>152400</xdr:colOff>
                    <xdr:row>70</xdr:row>
                    <xdr:rowOff>142875</xdr:rowOff>
                  </from>
                  <to>
                    <xdr:col>24</xdr:col>
                    <xdr:colOff>95250</xdr:colOff>
                    <xdr:row>72</xdr:row>
                    <xdr:rowOff>28575</xdr:rowOff>
                  </to>
                </anchor>
              </controlPr>
            </control>
          </mc:Choice>
        </mc:AlternateContent>
        <mc:AlternateContent xmlns:mc="http://schemas.openxmlformats.org/markup-compatibility/2006">
          <mc:Choice Requires="x14">
            <control shapeId="1115"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1116" r:id="rId95" name="Check Box 92">
              <controlPr defaultSize="0" autoFill="0" autoLine="0" autoPict="0">
                <anchor moveWithCells="1">
                  <from>
                    <xdr:col>6</xdr:col>
                    <xdr:colOff>161925</xdr:colOff>
                    <xdr:row>80</xdr:row>
                    <xdr:rowOff>9525</xdr:rowOff>
                  </from>
                  <to>
                    <xdr:col>8</xdr:col>
                    <xdr:colOff>104775</xdr:colOff>
                    <xdr:row>81</xdr:row>
                    <xdr:rowOff>47625</xdr:rowOff>
                  </to>
                </anchor>
              </controlPr>
            </control>
          </mc:Choice>
        </mc:AlternateContent>
        <mc:AlternateContent xmlns:mc="http://schemas.openxmlformats.org/markup-compatibility/2006">
          <mc:Choice Requires="x14">
            <control shapeId="1117" r:id="rId96" name="Check Box 93">
              <controlPr defaultSize="0" autoFill="0" autoLine="0" autoPict="0">
                <anchor moveWithCells="1">
                  <from>
                    <xdr:col>6</xdr:col>
                    <xdr:colOff>161925</xdr:colOff>
                    <xdr:row>83</xdr:row>
                    <xdr:rowOff>133350</xdr:rowOff>
                  </from>
                  <to>
                    <xdr:col>8</xdr:col>
                    <xdr:colOff>104775</xdr:colOff>
                    <xdr:row>85</xdr:row>
                    <xdr:rowOff>47625</xdr:rowOff>
                  </to>
                </anchor>
              </controlPr>
            </control>
          </mc:Choice>
        </mc:AlternateContent>
        <mc:AlternateContent xmlns:mc="http://schemas.openxmlformats.org/markup-compatibility/2006">
          <mc:Choice Requires="x14">
            <control shapeId="1118" r:id="rId97" name="Check Box 94">
              <controlPr defaultSize="0" autoFill="0" autoLine="0" autoPict="0">
                <anchor moveWithCells="1">
                  <from>
                    <xdr:col>6</xdr:col>
                    <xdr:colOff>161925</xdr:colOff>
                    <xdr:row>84</xdr:row>
                    <xdr:rowOff>161925</xdr:rowOff>
                  </from>
                  <to>
                    <xdr:col>8</xdr:col>
                    <xdr:colOff>104775</xdr:colOff>
                    <xdr:row>86</xdr:row>
                    <xdr:rowOff>28575</xdr:rowOff>
                  </to>
                </anchor>
              </controlPr>
            </control>
          </mc:Choice>
        </mc:AlternateContent>
        <mc:AlternateContent xmlns:mc="http://schemas.openxmlformats.org/markup-compatibility/2006">
          <mc:Choice Requires="x14">
            <control shapeId="1119" r:id="rId98" name="Check Box 95">
              <controlPr defaultSize="0" autoFill="0" autoLine="0" autoPict="0">
                <anchor moveWithCells="1">
                  <from>
                    <xdr:col>55</xdr:col>
                    <xdr:colOff>161925</xdr:colOff>
                    <xdr:row>80</xdr:row>
                    <xdr:rowOff>161925</xdr:rowOff>
                  </from>
                  <to>
                    <xdr:col>57</xdr:col>
                    <xdr:colOff>104775</xdr:colOff>
                    <xdr:row>82</xdr:row>
                    <xdr:rowOff>28575</xdr:rowOff>
                  </to>
                </anchor>
              </controlPr>
            </control>
          </mc:Choice>
        </mc:AlternateContent>
        <mc:AlternateContent xmlns:mc="http://schemas.openxmlformats.org/markup-compatibility/2006">
          <mc:Choice Requires="x14">
            <control shapeId="1120" r:id="rId99" name="Check Box 96">
              <controlPr defaultSize="0" autoFill="0" autoLine="0" autoPict="0">
                <anchor moveWithCells="1">
                  <from>
                    <xdr:col>22</xdr:col>
                    <xdr:colOff>161925</xdr:colOff>
                    <xdr:row>80</xdr:row>
                    <xdr:rowOff>0</xdr:rowOff>
                  </from>
                  <to>
                    <xdr:col>24</xdr:col>
                    <xdr:colOff>104775</xdr:colOff>
                    <xdr:row>81</xdr:row>
                    <xdr:rowOff>38100</xdr:rowOff>
                  </to>
                </anchor>
              </controlPr>
            </control>
          </mc:Choice>
        </mc:AlternateContent>
        <mc:AlternateContent xmlns:mc="http://schemas.openxmlformats.org/markup-compatibility/2006">
          <mc:Choice Requires="x14">
            <control shapeId="1121" r:id="rId100" name="Check Box 97">
              <controlPr defaultSize="0" autoFill="0" autoLine="0" autoPict="0">
                <anchor moveWithCells="1">
                  <from>
                    <xdr:col>55</xdr:col>
                    <xdr:colOff>152400</xdr:colOff>
                    <xdr:row>56</xdr:row>
                    <xdr:rowOff>152400</xdr:rowOff>
                  </from>
                  <to>
                    <xdr:col>57</xdr:col>
                    <xdr:colOff>95250</xdr:colOff>
                    <xdr:row>58</xdr:row>
                    <xdr:rowOff>38100</xdr:rowOff>
                  </to>
                </anchor>
              </controlPr>
            </control>
          </mc:Choice>
        </mc:AlternateContent>
        <mc:AlternateContent xmlns:mc="http://schemas.openxmlformats.org/markup-compatibility/2006">
          <mc:Choice Requires="x14">
            <control shapeId="1122" r:id="rId101" name="Check Box 98">
              <controlPr defaultSize="0" autoFill="0" autoLine="0" autoPict="0">
                <anchor moveWithCells="1">
                  <from>
                    <xdr:col>55</xdr:col>
                    <xdr:colOff>161925</xdr:colOff>
                    <xdr:row>43</xdr:row>
                    <xdr:rowOff>171450</xdr:rowOff>
                  </from>
                  <to>
                    <xdr:col>57</xdr:col>
                    <xdr:colOff>104775</xdr:colOff>
                    <xdr:row>45</xdr:row>
                    <xdr:rowOff>38100</xdr:rowOff>
                  </to>
                </anchor>
              </controlPr>
            </control>
          </mc:Choice>
        </mc:AlternateContent>
        <mc:AlternateContent xmlns:mc="http://schemas.openxmlformats.org/markup-compatibility/2006">
          <mc:Choice Requires="x14">
            <control shapeId="1123" r:id="rId102" name="Check Box 99">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1124" r:id="rId103" name="Check Box 100">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1125" r:id="rId104" name="Check Box 101">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1126" r:id="rId105" name="Check Box 102">
              <controlPr defaultSize="0" autoFill="0" autoLine="0" autoPict="0">
                <anchor moveWithCells="1">
                  <from>
                    <xdr:col>23</xdr:col>
                    <xdr:colOff>171450</xdr:colOff>
                    <xdr:row>80</xdr:row>
                    <xdr:rowOff>133350</xdr:rowOff>
                  </from>
                  <to>
                    <xdr:col>25</xdr:col>
                    <xdr:colOff>114300</xdr:colOff>
                    <xdr:row>82</xdr:row>
                    <xdr:rowOff>28575</xdr:rowOff>
                  </to>
                </anchor>
              </controlPr>
            </control>
          </mc:Choice>
        </mc:AlternateContent>
        <mc:AlternateContent xmlns:mc="http://schemas.openxmlformats.org/markup-compatibility/2006">
          <mc:Choice Requires="x14">
            <control shapeId="1127" r:id="rId106" name="Check Box 103">
              <controlPr defaultSize="0" autoFill="0" autoLine="0" autoPict="0">
                <anchor moveWithCells="1">
                  <from>
                    <xdr:col>28</xdr:col>
                    <xdr:colOff>171450</xdr:colOff>
                    <xdr:row>80</xdr:row>
                    <xdr:rowOff>142875</xdr:rowOff>
                  </from>
                  <to>
                    <xdr:col>30</xdr:col>
                    <xdr:colOff>114300</xdr:colOff>
                    <xdr:row>82</xdr:row>
                    <xdr:rowOff>38100</xdr:rowOff>
                  </to>
                </anchor>
              </controlPr>
            </control>
          </mc:Choice>
        </mc:AlternateContent>
        <mc:AlternateContent xmlns:mc="http://schemas.openxmlformats.org/markup-compatibility/2006">
          <mc:Choice Requires="x14">
            <control shapeId="1128" r:id="rId107" name="Check Box 104">
              <controlPr defaultSize="0" autoFill="0" autoLine="0" autoPict="0">
                <anchor moveWithCells="1">
                  <from>
                    <xdr:col>22</xdr:col>
                    <xdr:colOff>152400</xdr:colOff>
                    <xdr:row>81</xdr:row>
                    <xdr:rowOff>142875</xdr:rowOff>
                  </from>
                  <to>
                    <xdr:col>24</xdr:col>
                    <xdr:colOff>95250</xdr:colOff>
                    <xdr:row>83</xdr:row>
                    <xdr:rowOff>38100</xdr:rowOff>
                  </to>
                </anchor>
              </controlPr>
            </control>
          </mc:Choice>
        </mc:AlternateContent>
        <mc:AlternateContent xmlns:mc="http://schemas.openxmlformats.org/markup-compatibility/2006">
          <mc:Choice Requires="x14">
            <control shapeId="1129" r:id="rId108" name="Check Box 105">
              <controlPr defaultSize="0" autoFill="0" autoLine="0" autoPict="0">
                <anchor moveWithCells="1">
                  <from>
                    <xdr:col>28</xdr:col>
                    <xdr:colOff>161925</xdr:colOff>
                    <xdr:row>82</xdr:row>
                    <xdr:rowOff>133350</xdr:rowOff>
                  </from>
                  <to>
                    <xdr:col>30</xdr:col>
                    <xdr:colOff>104775</xdr:colOff>
                    <xdr:row>84</xdr:row>
                    <xdr:rowOff>28575</xdr:rowOff>
                  </to>
                </anchor>
              </controlPr>
            </control>
          </mc:Choice>
        </mc:AlternateContent>
        <mc:AlternateContent xmlns:mc="http://schemas.openxmlformats.org/markup-compatibility/2006">
          <mc:Choice Requires="x14">
            <control shapeId="1130" r:id="rId109" name="Check Box 106">
              <controlPr defaultSize="0" autoFill="0" autoLine="0" autoPict="0">
                <anchor moveWithCells="1">
                  <from>
                    <xdr:col>23</xdr:col>
                    <xdr:colOff>152400</xdr:colOff>
                    <xdr:row>82</xdr:row>
                    <xdr:rowOff>133350</xdr:rowOff>
                  </from>
                  <to>
                    <xdr:col>25</xdr:col>
                    <xdr:colOff>95250</xdr:colOff>
                    <xdr:row>84</xdr:row>
                    <xdr:rowOff>28575</xdr:rowOff>
                  </to>
                </anchor>
              </controlPr>
            </control>
          </mc:Choice>
        </mc:AlternateContent>
        <mc:AlternateContent xmlns:mc="http://schemas.openxmlformats.org/markup-compatibility/2006">
          <mc:Choice Requires="x14">
            <control shapeId="1131" r:id="rId110" name="Check Box 107">
              <controlPr defaultSize="0" autoFill="0" autoLine="0" autoPict="0">
                <anchor moveWithCells="1">
                  <from>
                    <xdr:col>22</xdr:col>
                    <xdr:colOff>152400</xdr:colOff>
                    <xdr:row>84</xdr:row>
                    <xdr:rowOff>133350</xdr:rowOff>
                  </from>
                  <to>
                    <xdr:col>24</xdr:col>
                    <xdr:colOff>95250</xdr:colOff>
                    <xdr:row>86</xdr:row>
                    <xdr:rowOff>28575</xdr:rowOff>
                  </to>
                </anchor>
              </controlPr>
            </control>
          </mc:Choice>
        </mc:AlternateContent>
        <mc:AlternateContent xmlns:mc="http://schemas.openxmlformats.org/markup-compatibility/2006">
          <mc:Choice Requires="x14">
            <control shapeId="1132" r:id="rId111" name="Check Box 108">
              <controlPr defaultSize="0" autoFill="0" autoLine="0" autoPict="0">
                <anchor moveWithCells="1">
                  <from>
                    <xdr:col>27</xdr:col>
                    <xdr:colOff>142875</xdr:colOff>
                    <xdr:row>85</xdr:row>
                    <xdr:rowOff>142875</xdr:rowOff>
                  </from>
                  <to>
                    <xdr:col>29</xdr:col>
                    <xdr:colOff>85725</xdr:colOff>
                    <xdr:row>87</xdr:row>
                    <xdr:rowOff>38100</xdr:rowOff>
                  </to>
                </anchor>
              </controlPr>
            </control>
          </mc:Choice>
        </mc:AlternateContent>
        <mc:AlternateContent xmlns:mc="http://schemas.openxmlformats.org/markup-compatibility/2006">
          <mc:Choice Requires="x14">
            <control shapeId="1133" r:id="rId112" name="Check Box 109">
              <controlPr defaultSize="0" autoFill="0" autoLine="0" autoPict="0">
                <anchor moveWithCells="1">
                  <from>
                    <xdr:col>23</xdr:col>
                    <xdr:colOff>152400</xdr:colOff>
                    <xdr:row>85</xdr:row>
                    <xdr:rowOff>133350</xdr:rowOff>
                  </from>
                  <to>
                    <xdr:col>25</xdr:col>
                    <xdr:colOff>95250</xdr:colOff>
                    <xdr:row>87</xdr:row>
                    <xdr:rowOff>28575</xdr:rowOff>
                  </to>
                </anchor>
              </controlPr>
            </control>
          </mc:Choice>
        </mc:AlternateContent>
        <mc:AlternateContent xmlns:mc="http://schemas.openxmlformats.org/markup-compatibility/2006">
          <mc:Choice Requires="x14">
            <control shapeId="1134" r:id="rId113" name="Check Box 110">
              <controlPr defaultSize="0" autoFill="0" autoLine="0" autoPict="0">
                <anchor moveWithCells="1">
                  <from>
                    <xdr:col>31</xdr:col>
                    <xdr:colOff>152400</xdr:colOff>
                    <xdr:row>85</xdr:row>
                    <xdr:rowOff>123825</xdr:rowOff>
                  </from>
                  <to>
                    <xdr:col>33</xdr:col>
                    <xdr:colOff>95250</xdr:colOff>
                    <xdr:row>87</xdr:row>
                    <xdr:rowOff>19050</xdr:rowOff>
                  </to>
                </anchor>
              </controlPr>
            </control>
          </mc:Choice>
        </mc:AlternateContent>
        <mc:AlternateContent xmlns:mc="http://schemas.openxmlformats.org/markup-compatibility/2006">
          <mc:Choice Requires="x14">
            <control shapeId="1135" r:id="rId114" name="Check Box 111">
              <controlPr defaultSize="0" autoFill="0" autoLine="0" autoPict="0">
                <anchor moveWithCells="1">
                  <from>
                    <xdr:col>35</xdr:col>
                    <xdr:colOff>161925</xdr:colOff>
                    <xdr:row>85</xdr:row>
                    <xdr:rowOff>133350</xdr:rowOff>
                  </from>
                  <to>
                    <xdr:col>37</xdr:col>
                    <xdr:colOff>104775</xdr:colOff>
                    <xdr:row>87</xdr:row>
                    <xdr:rowOff>28575</xdr:rowOff>
                  </to>
                </anchor>
              </controlPr>
            </control>
          </mc:Choice>
        </mc:AlternateContent>
        <mc:AlternateContent xmlns:mc="http://schemas.openxmlformats.org/markup-compatibility/2006">
          <mc:Choice Requires="x14">
            <control shapeId="1136" r:id="rId115" name="Check Box 112">
              <controlPr defaultSize="0" autoFill="0" autoLine="0" autoPict="0">
                <anchor moveWithCells="1">
                  <from>
                    <xdr:col>39</xdr:col>
                    <xdr:colOff>152400</xdr:colOff>
                    <xdr:row>85</xdr:row>
                    <xdr:rowOff>133350</xdr:rowOff>
                  </from>
                  <to>
                    <xdr:col>41</xdr:col>
                    <xdr:colOff>95250</xdr:colOff>
                    <xdr:row>87</xdr:row>
                    <xdr:rowOff>28575</xdr:rowOff>
                  </to>
                </anchor>
              </controlPr>
            </control>
          </mc:Choice>
        </mc:AlternateContent>
        <mc:AlternateContent xmlns:mc="http://schemas.openxmlformats.org/markup-compatibility/2006">
          <mc:Choice Requires="x14">
            <control shapeId="1137" r:id="rId116" name="Check Box 113">
              <controlPr defaultSize="0" autoFill="0" autoLine="0" autoPict="0">
                <anchor moveWithCells="1">
                  <from>
                    <xdr:col>22</xdr:col>
                    <xdr:colOff>161925</xdr:colOff>
                    <xdr:row>86</xdr:row>
                    <xdr:rowOff>142875</xdr:rowOff>
                  </from>
                  <to>
                    <xdr:col>24</xdr:col>
                    <xdr:colOff>104775</xdr:colOff>
                    <xdr:row>88</xdr:row>
                    <xdr:rowOff>9525</xdr:rowOff>
                  </to>
                </anchor>
              </controlPr>
            </control>
          </mc:Choice>
        </mc:AlternateContent>
        <mc:AlternateContent xmlns:mc="http://schemas.openxmlformats.org/markup-compatibility/2006">
          <mc:Choice Requires="x14">
            <control shapeId="1138" r:id="rId117" name="Check Box 114">
              <controlPr defaultSize="0" autoFill="0" autoLine="0" autoPict="0">
                <anchor moveWithCells="1">
                  <from>
                    <xdr:col>23</xdr:col>
                    <xdr:colOff>152400</xdr:colOff>
                    <xdr:row>87</xdr:row>
                    <xdr:rowOff>133350</xdr:rowOff>
                  </from>
                  <to>
                    <xdr:col>25</xdr:col>
                    <xdr:colOff>95250</xdr:colOff>
                    <xdr:row>89</xdr:row>
                    <xdr:rowOff>28575</xdr:rowOff>
                  </to>
                </anchor>
              </controlPr>
            </control>
          </mc:Choice>
        </mc:AlternateContent>
        <mc:AlternateContent xmlns:mc="http://schemas.openxmlformats.org/markup-compatibility/2006">
          <mc:Choice Requires="x14">
            <control shapeId="1139" r:id="rId118" name="Check Box 115">
              <controlPr defaultSize="0" autoFill="0" autoLine="0" autoPict="0">
                <anchor moveWithCells="1">
                  <from>
                    <xdr:col>23</xdr:col>
                    <xdr:colOff>152400</xdr:colOff>
                    <xdr:row>88</xdr:row>
                    <xdr:rowOff>123825</xdr:rowOff>
                  </from>
                  <to>
                    <xdr:col>25</xdr:col>
                    <xdr:colOff>95250</xdr:colOff>
                    <xdr:row>90</xdr:row>
                    <xdr:rowOff>19050</xdr:rowOff>
                  </to>
                </anchor>
              </controlPr>
            </control>
          </mc:Choice>
        </mc:AlternateContent>
        <mc:AlternateContent xmlns:mc="http://schemas.openxmlformats.org/markup-compatibility/2006">
          <mc:Choice Requires="x14">
            <control shapeId="1140" r:id="rId119" name="Check Box 116">
              <controlPr defaultSize="0" autoFill="0" autoLine="0" autoPict="0">
                <anchor moveWithCells="1">
                  <from>
                    <xdr:col>37</xdr:col>
                    <xdr:colOff>152400</xdr:colOff>
                    <xdr:row>87</xdr:row>
                    <xdr:rowOff>142875</xdr:rowOff>
                  </from>
                  <to>
                    <xdr:col>39</xdr:col>
                    <xdr:colOff>95250</xdr:colOff>
                    <xdr:row>89</xdr:row>
                    <xdr:rowOff>38100</xdr:rowOff>
                  </to>
                </anchor>
              </controlPr>
            </control>
          </mc:Choice>
        </mc:AlternateContent>
        <mc:AlternateContent xmlns:mc="http://schemas.openxmlformats.org/markup-compatibility/2006">
          <mc:Choice Requires="x14">
            <control shapeId="1141" r:id="rId120" name="Check Box 117">
              <controlPr defaultSize="0" autoFill="0" autoLine="0" autoPict="0">
                <anchor moveWithCells="1">
                  <from>
                    <xdr:col>55</xdr:col>
                    <xdr:colOff>152400</xdr:colOff>
                    <xdr:row>87</xdr:row>
                    <xdr:rowOff>161925</xdr:rowOff>
                  </from>
                  <to>
                    <xdr:col>57</xdr:col>
                    <xdr:colOff>95250</xdr:colOff>
                    <xdr:row>89</xdr:row>
                    <xdr:rowOff>28575</xdr:rowOff>
                  </to>
                </anchor>
              </controlPr>
            </control>
          </mc:Choice>
        </mc:AlternateContent>
        <mc:AlternateContent xmlns:mc="http://schemas.openxmlformats.org/markup-compatibility/2006">
          <mc:Choice Requires="x14">
            <control shapeId="1142" r:id="rId121" name="Check Box 118">
              <controlPr defaultSize="0" autoFill="0" autoLine="0" autoPict="0">
                <anchor moveWithCells="1">
                  <from>
                    <xdr:col>55</xdr:col>
                    <xdr:colOff>161925</xdr:colOff>
                    <xdr:row>88</xdr:row>
                    <xdr:rowOff>152400</xdr:rowOff>
                  </from>
                  <to>
                    <xdr:col>57</xdr:col>
                    <xdr:colOff>104775</xdr:colOff>
                    <xdr:row>90</xdr:row>
                    <xdr:rowOff>19050</xdr:rowOff>
                  </to>
                </anchor>
              </controlPr>
            </control>
          </mc:Choice>
        </mc:AlternateContent>
        <mc:AlternateContent xmlns:mc="http://schemas.openxmlformats.org/markup-compatibility/2006">
          <mc:Choice Requires="x14">
            <control shapeId="1143" r:id="rId122" name="Check Box 119">
              <controlPr defaultSize="0" autoFill="0" autoLine="0" autoPict="0">
                <anchor moveWithCells="1">
                  <from>
                    <xdr:col>55</xdr:col>
                    <xdr:colOff>161925</xdr:colOff>
                    <xdr:row>90</xdr:row>
                    <xdr:rowOff>142875</xdr:rowOff>
                  </from>
                  <to>
                    <xdr:col>57</xdr:col>
                    <xdr:colOff>104775</xdr:colOff>
                    <xdr:row>92</xdr:row>
                    <xdr:rowOff>38100</xdr:rowOff>
                  </to>
                </anchor>
              </controlPr>
            </control>
          </mc:Choice>
        </mc:AlternateContent>
        <mc:AlternateContent xmlns:mc="http://schemas.openxmlformats.org/markup-compatibility/2006">
          <mc:Choice Requires="x14">
            <control shapeId="1144" r:id="rId123" name="Check Box 120">
              <controlPr defaultSize="0" autoFill="0" autoLine="0" autoPict="0">
                <anchor moveWithCells="1">
                  <from>
                    <xdr:col>22</xdr:col>
                    <xdr:colOff>152400</xdr:colOff>
                    <xdr:row>89</xdr:row>
                    <xdr:rowOff>142875</xdr:rowOff>
                  </from>
                  <to>
                    <xdr:col>24</xdr:col>
                    <xdr:colOff>95250</xdr:colOff>
                    <xdr:row>91</xdr:row>
                    <xdr:rowOff>38100</xdr:rowOff>
                  </to>
                </anchor>
              </controlPr>
            </control>
          </mc:Choice>
        </mc:AlternateContent>
        <mc:AlternateContent xmlns:mc="http://schemas.openxmlformats.org/markup-compatibility/2006">
          <mc:Choice Requires="x14">
            <control shapeId="1145" r:id="rId124" name="Check Box 121">
              <controlPr defaultSize="0" autoFill="0" autoLine="0" autoPict="0">
                <anchor moveWithCells="1">
                  <from>
                    <xdr:col>28</xdr:col>
                    <xdr:colOff>133350</xdr:colOff>
                    <xdr:row>90</xdr:row>
                    <xdr:rowOff>142875</xdr:rowOff>
                  </from>
                  <to>
                    <xdr:col>30</xdr:col>
                    <xdr:colOff>76200</xdr:colOff>
                    <xdr:row>92</xdr:row>
                    <xdr:rowOff>38100</xdr:rowOff>
                  </to>
                </anchor>
              </controlPr>
            </control>
          </mc:Choice>
        </mc:AlternateContent>
        <mc:AlternateContent xmlns:mc="http://schemas.openxmlformats.org/markup-compatibility/2006">
          <mc:Choice Requires="x14">
            <control shapeId="1146" r:id="rId125" name="Check Box 122">
              <controlPr defaultSize="0" autoFill="0" autoLine="0" autoPict="0">
                <anchor moveWithCells="1">
                  <from>
                    <xdr:col>32</xdr:col>
                    <xdr:colOff>161925</xdr:colOff>
                    <xdr:row>90</xdr:row>
                    <xdr:rowOff>133350</xdr:rowOff>
                  </from>
                  <to>
                    <xdr:col>34</xdr:col>
                    <xdr:colOff>104775</xdr:colOff>
                    <xdr:row>92</xdr:row>
                    <xdr:rowOff>28575</xdr:rowOff>
                  </to>
                </anchor>
              </controlPr>
            </control>
          </mc:Choice>
        </mc:AlternateContent>
        <mc:AlternateContent xmlns:mc="http://schemas.openxmlformats.org/markup-compatibility/2006">
          <mc:Choice Requires="x14">
            <control shapeId="1147" r:id="rId126" name="Check Box 123">
              <controlPr defaultSize="0" autoFill="0" autoLine="0" autoPict="0">
                <anchor moveWithCells="1">
                  <from>
                    <xdr:col>37</xdr:col>
                    <xdr:colOff>171450</xdr:colOff>
                    <xdr:row>90</xdr:row>
                    <xdr:rowOff>161925</xdr:rowOff>
                  </from>
                  <to>
                    <xdr:col>39</xdr:col>
                    <xdr:colOff>114300</xdr:colOff>
                    <xdr:row>92</xdr:row>
                    <xdr:rowOff>28575</xdr:rowOff>
                  </to>
                </anchor>
              </controlPr>
            </control>
          </mc:Choice>
        </mc:AlternateContent>
        <mc:AlternateContent xmlns:mc="http://schemas.openxmlformats.org/markup-compatibility/2006">
          <mc:Choice Requires="x14">
            <control shapeId="1148" r:id="rId127" name="Check Box 124">
              <controlPr defaultSize="0" autoFill="0" autoLine="0" autoPict="0">
                <anchor moveWithCells="1">
                  <from>
                    <xdr:col>42</xdr:col>
                    <xdr:colOff>161925</xdr:colOff>
                    <xdr:row>90</xdr:row>
                    <xdr:rowOff>142875</xdr:rowOff>
                  </from>
                  <to>
                    <xdr:col>44</xdr:col>
                    <xdr:colOff>104775</xdr:colOff>
                    <xdr:row>92</xdr:row>
                    <xdr:rowOff>38100</xdr:rowOff>
                  </to>
                </anchor>
              </controlPr>
            </control>
          </mc:Choice>
        </mc:AlternateContent>
        <mc:AlternateContent xmlns:mc="http://schemas.openxmlformats.org/markup-compatibility/2006">
          <mc:Choice Requires="x14">
            <control shapeId="1149" r:id="rId128" name="Check Box 125">
              <controlPr defaultSize="0" autoFill="0" autoLine="0" autoPict="0">
                <anchor moveWithCells="1">
                  <from>
                    <xdr:col>23</xdr:col>
                    <xdr:colOff>161925</xdr:colOff>
                    <xdr:row>90</xdr:row>
                    <xdr:rowOff>142875</xdr:rowOff>
                  </from>
                  <to>
                    <xdr:col>25</xdr:col>
                    <xdr:colOff>104775</xdr:colOff>
                    <xdr:row>92</xdr:row>
                    <xdr:rowOff>38100</xdr:rowOff>
                  </to>
                </anchor>
              </controlPr>
            </control>
          </mc:Choice>
        </mc:AlternateContent>
        <mc:AlternateContent xmlns:mc="http://schemas.openxmlformats.org/markup-compatibility/2006">
          <mc:Choice Requires="x14">
            <control shapeId="1150" r:id="rId129" name="Check Box 126">
              <controlPr defaultSize="0" autoFill="0" autoLine="0" autoPict="0">
                <anchor moveWithCells="1">
                  <from>
                    <xdr:col>22</xdr:col>
                    <xdr:colOff>161925</xdr:colOff>
                    <xdr:row>91</xdr:row>
                    <xdr:rowOff>133350</xdr:rowOff>
                  </from>
                  <to>
                    <xdr:col>24</xdr:col>
                    <xdr:colOff>104775</xdr:colOff>
                    <xdr:row>93</xdr:row>
                    <xdr:rowOff>28575</xdr:rowOff>
                  </to>
                </anchor>
              </controlPr>
            </control>
          </mc:Choice>
        </mc:AlternateContent>
        <mc:AlternateContent xmlns:mc="http://schemas.openxmlformats.org/markup-compatibility/2006">
          <mc:Choice Requires="x14">
            <control shapeId="1151" r:id="rId130" name="Check Box 127">
              <controlPr defaultSize="0" autoFill="0" autoLine="0" autoPict="0">
                <anchor moveWithCells="1">
                  <from>
                    <xdr:col>6</xdr:col>
                    <xdr:colOff>161925</xdr:colOff>
                    <xdr:row>91</xdr:row>
                    <xdr:rowOff>142875</xdr:rowOff>
                  </from>
                  <to>
                    <xdr:col>8</xdr:col>
                    <xdr:colOff>104775</xdr:colOff>
                    <xdr:row>93</xdr:row>
                    <xdr:rowOff>38100</xdr:rowOff>
                  </to>
                </anchor>
              </controlPr>
            </control>
          </mc:Choice>
        </mc:AlternateContent>
        <mc:AlternateContent xmlns:mc="http://schemas.openxmlformats.org/markup-compatibility/2006">
          <mc:Choice Requires="x14">
            <control shapeId="1152" r:id="rId131" name="Check Box 128">
              <controlPr defaultSize="0" autoFill="0" autoLine="0" autoPict="0">
                <anchor moveWithCells="1">
                  <from>
                    <xdr:col>22</xdr:col>
                    <xdr:colOff>161925</xdr:colOff>
                    <xdr:row>92</xdr:row>
                    <xdr:rowOff>142875</xdr:rowOff>
                  </from>
                  <to>
                    <xdr:col>24</xdr:col>
                    <xdr:colOff>104775</xdr:colOff>
                    <xdr:row>94</xdr:row>
                    <xdr:rowOff>38100</xdr:rowOff>
                  </to>
                </anchor>
              </controlPr>
            </control>
          </mc:Choice>
        </mc:AlternateContent>
        <mc:AlternateContent xmlns:mc="http://schemas.openxmlformats.org/markup-compatibility/2006">
          <mc:Choice Requires="x14">
            <control shapeId="1153" r:id="rId132" name="Check Box 129">
              <controlPr defaultSize="0" autoFill="0" autoLine="0" autoPict="0">
                <anchor moveWithCells="1">
                  <from>
                    <xdr:col>6</xdr:col>
                    <xdr:colOff>161925</xdr:colOff>
                    <xdr:row>99</xdr:row>
                    <xdr:rowOff>142875</xdr:rowOff>
                  </from>
                  <to>
                    <xdr:col>8</xdr:col>
                    <xdr:colOff>104775</xdr:colOff>
                    <xdr:row>101</xdr:row>
                    <xdr:rowOff>38100</xdr:rowOff>
                  </to>
                </anchor>
              </controlPr>
            </control>
          </mc:Choice>
        </mc:AlternateContent>
        <mc:AlternateContent xmlns:mc="http://schemas.openxmlformats.org/markup-compatibility/2006">
          <mc:Choice Requires="x14">
            <control shapeId="1154" r:id="rId133" name="Check Box 130">
              <controlPr defaultSize="0" autoFill="0" autoLine="0" autoPict="0">
                <anchor moveWithCells="1">
                  <from>
                    <xdr:col>22</xdr:col>
                    <xdr:colOff>152400</xdr:colOff>
                    <xdr:row>95</xdr:row>
                    <xdr:rowOff>133350</xdr:rowOff>
                  </from>
                  <to>
                    <xdr:col>24</xdr:col>
                    <xdr:colOff>95250</xdr:colOff>
                    <xdr:row>97</xdr:row>
                    <xdr:rowOff>28575</xdr:rowOff>
                  </to>
                </anchor>
              </controlPr>
            </control>
          </mc:Choice>
        </mc:AlternateContent>
        <mc:AlternateContent xmlns:mc="http://schemas.openxmlformats.org/markup-compatibility/2006">
          <mc:Choice Requires="x14">
            <control shapeId="1155" r:id="rId134" name="Check Box 131">
              <controlPr defaultSize="0" autoFill="0" autoLine="0" autoPict="0">
                <anchor moveWithCells="1">
                  <from>
                    <xdr:col>22</xdr:col>
                    <xdr:colOff>161925</xdr:colOff>
                    <xdr:row>97</xdr:row>
                    <xdr:rowOff>152400</xdr:rowOff>
                  </from>
                  <to>
                    <xdr:col>24</xdr:col>
                    <xdr:colOff>104775</xdr:colOff>
                    <xdr:row>99</xdr:row>
                    <xdr:rowOff>47625</xdr:rowOff>
                  </to>
                </anchor>
              </controlPr>
            </control>
          </mc:Choice>
        </mc:AlternateContent>
        <mc:AlternateContent xmlns:mc="http://schemas.openxmlformats.org/markup-compatibility/2006">
          <mc:Choice Requires="x14">
            <control shapeId="1156" r:id="rId135" name="Check Box 132">
              <controlPr defaultSize="0" autoFill="0" autoLine="0" autoPict="0">
                <anchor moveWithCells="1">
                  <from>
                    <xdr:col>23</xdr:col>
                    <xdr:colOff>161925</xdr:colOff>
                    <xdr:row>96</xdr:row>
                    <xdr:rowOff>152400</xdr:rowOff>
                  </from>
                  <to>
                    <xdr:col>25</xdr:col>
                    <xdr:colOff>104775</xdr:colOff>
                    <xdr:row>98</xdr:row>
                    <xdr:rowOff>19050</xdr:rowOff>
                  </to>
                </anchor>
              </controlPr>
            </control>
          </mc:Choice>
        </mc:AlternateContent>
        <mc:AlternateContent xmlns:mc="http://schemas.openxmlformats.org/markup-compatibility/2006">
          <mc:Choice Requires="x14">
            <control shapeId="1157" r:id="rId136" name="Check Box 133">
              <controlPr defaultSize="0" autoFill="0" autoLine="0" autoPict="0">
                <anchor moveWithCells="1">
                  <from>
                    <xdr:col>27</xdr:col>
                    <xdr:colOff>152400</xdr:colOff>
                    <xdr:row>96</xdr:row>
                    <xdr:rowOff>152400</xdr:rowOff>
                  </from>
                  <to>
                    <xdr:col>29</xdr:col>
                    <xdr:colOff>95250</xdr:colOff>
                    <xdr:row>98</xdr:row>
                    <xdr:rowOff>47625</xdr:rowOff>
                  </to>
                </anchor>
              </controlPr>
            </control>
          </mc:Choice>
        </mc:AlternateContent>
        <mc:AlternateContent xmlns:mc="http://schemas.openxmlformats.org/markup-compatibility/2006">
          <mc:Choice Requires="x14">
            <control shapeId="1158" r:id="rId137" name="Check Box 134">
              <controlPr defaultSize="0" autoFill="0" autoLine="0" autoPict="0">
                <anchor moveWithCells="1">
                  <from>
                    <xdr:col>31</xdr:col>
                    <xdr:colOff>152400</xdr:colOff>
                    <xdr:row>96</xdr:row>
                    <xdr:rowOff>133350</xdr:rowOff>
                  </from>
                  <to>
                    <xdr:col>33</xdr:col>
                    <xdr:colOff>95250</xdr:colOff>
                    <xdr:row>98</xdr:row>
                    <xdr:rowOff>28575</xdr:rowOff>
                  </to>
                </anchor>
              </controlPr>
            </control>
          </mc:Choice>
        </mc:AlternateContent>
        <mc:AlternateContent xmlns:mc="http://schemas.openxmlformats.org/markup-compatibility/2006">
          <mc:Choice Requires="x14">
            <control shapeId="1159" r:id="rId138" name="Check Box 135">
              <controlPr defaultSize="0" autoFill="0" autoLine="0" autoPict="0">
                <anchor moveWithCells="1">
                  <from>
                    <xdr:col>35</xdr:col>
                    <xdr:colOff>152400</xdr:colOff>
                    <xdr:row>96</xdr:row>
                    <xdr:rowOff>133350</xdr:rowOff>
                  </from>
                  <to>
                    <xdr:col>37</xdr:col>
                    <xdr:colOff>95250</xdr:colOff>
                    <xdr:row>98</xdr:row>
                    <xdr:rowOff>28575</xdr:rowOff>
                  </to>
                </anchor>
              </controlPr>
            </control>
          </mc:Choice>
        </mc:AlternateContent>
        <mc:AlternateContent xmlns:mc="http://schemas.openxmlformats.org/markup-compatibility/2006">
          <mc:Choice Requires="x14">
            <control shapeId="1160" r:id="rId139" name="Check Box 136">
              <controlPr defaultSize="0" autoFill="0" autoLine="0" autoPict="0">
                <anchor moveWithCells="1">
                  <from>
                    <xdr:col>39</xdr:col>
                    <xdr:colOff>152400</xdr:colOff>
                    <xdr:row>96</xdr:row>
                    <xdr:rowOff>133350</xdr:rowOff>
                  </from>
                  <to>
                    <xdr:col>41</xdr:col>
                    <xdr:colOff>95250</xdr:colOff>
                    <xdr:row>98</xdr:row>
                    <xdr:rowOff>28575</xdr:rowOff>
                  </to>
                </anchor>
              </controlPr>
            </control>
          </mc:Choice>
        </mc:AlternateContent>
        <mc:AlternateContent xmlns:mc="http://schemas.openxmlformats.org/markup-compatibility/2006">
          <mc:Choice Requires="x14">
            <control shapeId="1161" r:id="rId140" name="Check Box 137">
              <controlPr defaultSize="0" autoFill="0" autoLine="0" autoPict="0">
                <anchor moveWithCells="1">
                  <from>
                    <xdr:col>43</xdr:col>
                    <xdr:colOff>161925</xdr:colOff>
                    <xdr:row>96</xdr:row>
                    <xdr:rowOff>152400</xdr:rowOff>
                  </from>
                  <to>
                    <xdr:col>45</xdr:col>
                    <xdr:colOff>104775</xdr:colOff>
                    <xdr:row>98</xdr:row>
                    <xdr:rowOff>19050</xdr:rowOff>
                  </to>
                </anchor>
              </controlPr>
            </control>
          </mc:Choice>
        </mc:AlternateContent>
        <mc:AlternateContent xmlns:mc="http://schemas.openxmlformats.org/markup-compatibility/2006">
          <mc:Choice Requires="x14">
            <control shapeId="1162" r:id="rId141" name="Check Box 138">
              <controlPr defaultSize="0" autoFill="0" autoLine="0" autoPict="0">
                <anchor moveWithCells="1">
                  <from>
                    <xdr:col>47</xdr:col>
                    <xdr:colOff>171450</xdr:colOff>
                    <xdr:row>96</xdr:row>
                    <xdr:rowOff>142875</xdr:rowOff>
                  </from>
                  <to>
                    <xdr:col>49</xdr:col>
                    <xdr:colOff>114300</xdr:colOff>
                    <xdr:row>98</xdr:row>
                    <xdr:rowOff>38100</xdr:rowOff>
                  </to>
                </anchor>
              </controlPr>
            </control>
          </mc:Choice>
        </mc:AlternateContent>
        <mc:AlternateContent xmlns:mc="http://schemas.openxmlformats.org/markup-compatibility/2006">
          <mc:Choice Requires="x14">
            <control shapeId="1163" r:id="rId142" name="Check Box 139">
              <controlPr defaultSize="0" autoFill="0" autoLine="0" autoPict="0">
                <anchor moveWithCells="1">
                  <from>
                    <xdr:col>28</xdr:col>
                    <xdr:colOff>171450</xdr:colOff>
                    <xdr:row>97</xdr:row>
                    <xdr:rowOff>142875</xdr:rowOff>
                  </from>
                  <to>
                    <xdr:col>30</xdr:col>
                    <xdr:colOff>114300</xdr:colOff>
                    <xdr:row>99</xdr:row>
                    <xdr:rowOff>38100</xdr:rowOff>
                  </to>
                </anchor>
              </controlPr>
            </control>
          </mc:Choice>
        </mc:AlternateContent>
        <mc:AlternateContent xmlns:mc="http://schemas.openxmlformats.org/markup-compatibility/2006">
          <mc:Choice Requires="x14">
            <control shapeId="1164" r:id="rId143" name="Check Box 140">
              <controlPr defaultSize="0" autoFill="0" autoLine="0" autoPict="0">
                <anchor moveWithCells="1">
                  <from>
                    <xdr:col>39</xdr:col>
                    <xdr:colOff>161925</xdr:colOff>
                    <xdr:row>97</xdr:row>
                    <xdr:rowOff>152400</xdr:rowOff>
                  </from>
                  <to>
                    <xdr:col>41</xdr:col>
                    <xdr:colOff>104775</xdr:colOff>
                    <xdr:row>99</xdr:row>
                    <xdr:rowOff>47625</xdr:rowOff>
                  </to>
                </anchor>
              </controlPr>
            </control>
          </mc:Choice>
        </mc:AlternateContent>
        <mc:AlternateContent xmlns:mc="http://schemas.openxmlformats.org/markup-compatibility/2006">
          <mc:Choice Requires="x14">
            <control shapeId="1165" r:id="rId144" name="Check Box 141">
              <controlPr defaultSize="0" autoFill="0" autoLine="0" autoPict="0">
                <anchor moveWithCells="1">
                  <from>
                    <xdr:col>22</xdr:col>
                    <xdr:colOff>152400</xdr:colOff>
                    <xdr:row>106</xdr:row>
                    <xdr:rowOff>9525</xdr:rowOff>
                  </from>
                  <to>
                    <xdr:col>24</xdr:col>
                    <xdr:colOff>95250</xdr:colOff>
                    <xdr:row>107</xdr:row>
                    <xdr:rowOff>47625</xdr:rowOff>
                  </to>
                </anchor>
              </controlPr>
            </control>
          </mc:Choice>
        </mc:AlternateContent>
        <mc:AlternateContent xmlns:mc="http://schemas.openxmlformats.org/markup-compatibility/2006">
          <mc:Choice Requires="x14">
            <control shapeId="1166" r:id="rId145" name="Check Box 142">
              <controlPr defaultSize="0" autoFill="0" autoLine="0" autoPict="0">
                <anchor moveWithCells="1">
                  <from>
                    <xdr:col>23</xdr:col>
                    <xdr:colOff>161925</xdr:colOff>
                    <xdr:row>107</xdr:row>
                    <xdr:rowOff>142875</xdr:rowOff>
                  </from>
                  <to>
                    <xdr:col>25</xdr:col>
                    <xdr:colOff>104775</xdr:colOff>
                    <xdr:row>109</xdr:row>
                    <xdr:rowOff>38100</xdr:rowOff>
                  </to>
                </anchor>
              </controlPr>
            </control>
          </mc:Choice>
        </mc:AlternateContent>
        <mc:AlternateContent xmlns:mc="http://schemas.openxmlformats.org/markup-compatibility/2006">
          <mc:Choice Requires="x14">
            <control shapeId="1167" r:id="rId146" name="Check Box 143">
              <controlPr defaultSize="0" autoFill="0" autoLine="0" autoPict="0">
                <anchor moveWithCells="1">
                  <from>
                    <xdr:col>40</xdr:col>
                    <xdr:colOff>161925</xdr:colOff>
                    <xdr:row>106</xdr:row>
                    <xdr:rowOff>142875</xdr:rowOff>
                  </from>
                  <to>
                    <xdr:col>42</xdr:col>
                    <xdr:colOff>104775</xdr:colOff>
                    <xdr:row>108</xdr:row>
                    <xdr:rowOff>38100</xdr:rowOff>
                  </to>
                </anchor>
              </controlPr>
            </control>
          </mc:Choice>
        </mc:AlternateContent>
        <mc:AlternateContent xmlns:mc="http://schemas.openxmlformats.org/markup-compatibility/2006">
          <mc:Choice Requires="x14">
            <control shapeId="1168"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1169"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1170" r:id="rId149" name="Check Box 146">
              <controlPr defaultSize="0" autoFill="0" autoLine="0" autoPict="0">
                <anchor moveWithCells="1">
                  <from>
                    <xdr:col>22</xdr:col>
                    <xdr:colOff>161925</xdr:colOff>
                    <xdr:row>109</xdr:row>
                    <xdr:rowOff>142875</xdr:rowOff>
                  </from>
                  <to>
                    <xdr:col>24</xdr:col>
                    <xdr:colOff>104775</xdr:colOff>
                    <xdr:row>111</xdr:row>
                    <xdr:rowOff>38100</xdr:rowOff>
                  </to>
                </anchor>
              </controlPr>
            </control>
          </mc:Choice>
        </mc:AlternateContent>
        <mc:AlternateContent xmlns:mc="http://schemas.openxmlformats.org/markup-compatibility/2006">
          <mc:Choice Requires="x14">
            <control shapeId="1171"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1172" r:id="rId151" name="Check Box 148">
              <controlPr defaultSize="0" autoFill="0" autoLine="0" autoPict="0">
                <anchor moveWithCells="1">
                  <from>
                    <xdr:col>22</xdr:col>
                    <xdr:colOff>161925</xdr:colOff>
                    <xdr:row>113</xdr:row>
                    <xdr:rowOff>142875</xdr:rowOff>
                  </from>
                  <to>
                    <xdr:col>24</xdr:col>
                    <xdr:colOff>104775</xdr:colOff>
                    <xdr:row>115</xdr:row>
                    <xdr:rowOff>38100</xdr:rowOff>
                  </to>
                </anchor>
              </controlPr>
            </control>
          </mc:Choice>
        </mc:AlternateContent>
        <mc:AlternateContent xmlns:mc="http://schemas.openxmlformats.org/markup-compatibility/2006">
          <mc:Choice Requires="x14">
            <control shapeId="1173" r:id="rId152" name="Check Box 149">
              <controlPr defaultSize="0" autoFill="0" autoLine="0" autoPict="0">
                <anchor moveWithCells="1">
                  <from>
                    <xdr:col>22</xdr:col>
                    <xdr:colOff>161925</xdr:colOff>
                    <xdr:row>117</xdr:row>
                    <xdr:rowOff>0</xdr:rowOff>
                  </from>
                  <to>
                    <xdr:col>24</xdr:col>
                    <xdr:colOff>104775</xdr:colOff>
                    <xdr:row>118</xdr:row>
                    <xdr:rowOff>38100</xdr:rowOff>
                  </to>
                </anchor>
              </controlPr>
            </control>
          </mc:Choice>
        </mc:AlternateContent>
        <mc:AlternateContent xmlns:mc="http://schemas.openxmlformats.org/markup-compatibility/2006">
          <mc:Choice Requires="x14">
            <control shapeId="1174" r:id="rId153" name="Check Box 150">
              <controlPr defaultSize="0" autoFill="0" autoLine="0" autoPict="0">
                <anchor moveWithCells="1">
                  <from>
                    <xdr:col>29</xdr:col>
                    <xdr:colOff>161925</xdr:colOff>
                    <xdr:row>117</xdr:row>
                    <xdr:rowOff>142875</xdr:rowOff>
                  </from>
                  <to>
                    <xdr:col>31</xdr:col>
                    <xdr:colOff>104775</xdr:colOff>
                    <xdr:row>119</xdr:row>
                    <xdr:rowOff>38100</xdr:rowOff>
                  </to>
                </anchor>
              </controlPr>
            </control>
          </mc:Choice>
        </mc:AlternateContent>
        <mc:AlternateContent xmlns:mc="http://schemas.openxmlformats.org/markup-compatibility/2006">
          <mc:Choice Requires="x14">
            <control shapeId="1175" r:id="rId154" name="Check Box 151">
              <controlPr defaultSize="0" autoFill="0" autoLine="0" autoPict="0">
                <anchor moveWithCells="1">
                  <from>
                    <xdr:col>36</xdr:col>
                    <xdr:colOff>161925</xdr:colOff>
                    <xdr:row>117</xdr:row>
                    <xdr:rowOff>142875</xdr:rowOff>
                  </from>
                  <to>
                    <xdr:col>38</xdr:col>
                    <xdr:colOff>104775</xdr:colOff>
                    <xdr:row>119</xdr:row>
                    <xdr:rowOff>38100</xdr:rowOff>
                  </to>
                </anchor>
              </controlPr>
            </control>
          </mc:Choice>
        </mc:AlternateContent>
        <mc:AlternateContent xmlns:mc="http://schemas.openxmlformats.org/markup-compatibility/2006">
          <mc:Choice Requires="x14">
            <control shapeId="1176" r:id="rId155" name="Check Box 152">
              <controlPr defaultSize="0" autoFill="0" autoLine="0" autoPict="0">
                <anchor moveWithCells="1">
                  <from>
                    <xdr:col>45</xdr:col>
                    <xdr:colOff>161925</xdr:colOff>
                    <xdr:row>117</xdr:row>
                    <xdr:rowOff>142875</xdr:rowOff>
                  </from>
                  <to>
                    <xdr:col>47</xdr:col>
                    <xdr:colOff>104775</xdr:colOff>
                    <xdr:row>119</xdr:row>
                    <xdr:rowOff>38100</xdr:rowOff>
                  </to>
                </anchor>
              </controlPr>
            </control>
          </mc:Choice>
        </mc:AlternateContent>
        <mc:AlternateContent xmlns:mc="http://schemas.openxmlformats.org/markup-compatibility/2006">
          <mc:Choice Requires="x14">
            <control shapeId="1177" r:id="rId156" name="Check Box 153">
              <controlPr defaultSize="0" autoFill="0" autoLine="0" autoPict="0">
                <anchor moveWithCells="1">
                  <from>
                    <xdr:col>23</xdr:col>
                    <xdr:colOff>152400</xdr:colOff>
                    <xdr:row>117</xdr:row>
                    <xdr:rowOff>161925</xdr:rowOff>
                  </from>
                  <to>
                    <xdr:col>25</xdr:col>
                    <xdr:colOff>114300</xdr:colOff>
                    <xdr:row>119</xdr:row>
                    <xdr:rowOff>28575</xdr:rowOff>
                  </to>
                </anchor>
              </controlPr>
            </control>
          </mc:Choice>
        </mc:AlternateContent>
        <mc:AlternateContent xmlns:mc="http://schemas.openxmlformats.org/markup-compatibility/2006">
          <mc:Choice Requires="x14">
            <control shapeId="1178" r:id="rId157" name="Check Box 154">
              <controlPr defaultSize="0" autoFill="0" autoLine="0" autoPict="0">
                <anchor moveWithCells="1">
                  <from>
                    <xdr:col>22</xdr:col>
                    <xdr:colOff>161925</xdr:colOff>
                    <xdr:row>118</xdr:row>
                    <xdr:rowOff>142875</xdr:rowOff>
                  </from>
                  <to>
                    <xdr:col>24</xdr:col>
                    <xdr:colOff>104775</xdr:colOff>
                    <xdr:row>120</xdr:row>
                    <xdr:rowOff>38100</xdr:rowOff>
                  </to>
                </anchor>
              </controlPr>
            </control>
          </mc:Choice>
        </mc:AlternateContent>
        <mc:AlternateContent xmlns:mc="http://schemas.openxmlformats.org/markup-compatibility/2006">
          <mc:Choice Requires="x14">
            <control shapeId="1179" r:id="rId158" name="Check Box 155">
              <controlPr defaultSize="0" autoFill="0" autoLine="0" autoPict="0">
                <anchor moveWithCells="1">
                  <from>
                    <xdr:col>29</xdr:col>
                    <xdr:colOff>161925</xdr:colOff>
                    <xdr:row>119</xdr:row>
                    <xdr:rowOff>142875</xdr:rowOff>
                  </from>
                  <to>
                    <xdr:col>31</xdr:col>
                    <xdr:colOff>104775</xdr:colOff>
                    <xdr:row>121</xdr:row>
                    <xdr:rowOff>38100</xdr:rowOff>
                  </to>
                </anchor>
              </controlPr>
            </control>
          </mc:Choice>
        </mc:AlternateContent>
        <mc:AlternateContent xmlns:mc="http://schemas.openxmlformats.org/markup-compatibility/2006">
          <mc:Choice Requires="x14">
            <control shapeId="1180" r:id="rId159" name="Check Box 156">
              <controlPr defaultSize="0" autoFill="0" autoLine="0" autoPict="0">
                <anchor moveWithCells="1">
                  <from>
                    <xdr:col>55</xdr:col>
                    <xdr:colOff>161925</xdr:colOff>
                    <xdr:row>119</xdr:row>
                    <xdr:rowOff>142875</xdr:rowOff>
                  </from>
                  <to>
                    <xdr:col>57</xdr:col>
                    <xdr:colOff>104775</xdr:colOff>
                    <xdr:row>121</xdr:row>
                    <xdr:rowOff>38100</xdr:rowOff>
                  </to>
                </anchor>
              </controlPr>
            </control>
          </mc:Choice>
        </mc:AlternateContent>
        <mc:AlternateContent xmlns:mc="http://schemas.openxmlformats.org/markup-compatibility/2006">
          <mc:Choice Requires="x14">
            <control shapeId="1181" r:id="rId160" name="Check Box 157">
              <controlPr defaultSize="0" autoFill="0" autoLine="0" autoPict="0">
                <anchor moveWithCells="1">
                  <from>
                    <xdr:col>23</xdr:col>
                    <xdr:colOff>161925</xdr:colOff>
                    <xdr:row>119</xdr:row>
                    <xdr:rowOff>142875</xdr:rowOff>
                  </from>
                  <to>
                    <xdr:col>25</xdr:col>
                    <xdr:colOff>104775</xdr:colOff>
                    <xdr:row>121</xdr:row>
                    <xdr:rowOff>38100</xdr:rowOff>
                  </to>
                </anchor>
              </controlPr>
            </control>
          </mc:Choice>
        </mc:AlternateContent>
        <mc:AlternateContent xmlns:mc="http://schemas.openxmlformats.org/markup-compatibility/2006">
          <mc:Choice Requires="x14">
            <control shapeId="1182" r:id="rId161" name="Check Box 158">
              <controlPr defaultSize="0" autoFill="0" autoLine="0" autoPict="0">
                <anchor moveWithCells="1">
                  <from>
                    <xdr:col>6</xdr:col>
                    <xdr:colOff>161925</xdr:colOff>
                    <xdr:row>125</xdr:row>
                    <xdr:rowOff>142875</xdr:rowOff>
                  </from>
                  <to>
                    <xdr:col>8</xdr:col>
                    <xdr:colOff>104775</xdr:colOff>
                    <xdr:row>127</xdr:row>
                    <xdr:rowOff>38100</xdr:rowOff>
                  </to>
                </anchor>
              </controlPr>
            </control>
          </mc:Choice>
        </mc:AlternateContent>
        <mc:AlternateContent xmlns:mc="http://schemas.openxmlformats.org/markup-compatibility/2006">
          <mc:Choice Requires="x14">
            <control shapeId="1183" r:id="rId162" name="Check Box 159">
              <controlPr defaultSize="0" autoFill="0" autoLine="0" autoPict="0">
                <anchor moveWithCells="1">
                  <from>
                    <xdr:col>6</xdr:col>
                    <xdr:colOff>161925</xdr:colOff>
                    <xdr:row>120</xdr:row>
                    <xdr:rowOff>142875</xdr:rowOff>
                  </from>
                  <to>
                    <xdr:col>8</xdr:col>
                    <xdr:colOff>104775</xdr:colOff>
                    <xdr:row>122</xdr:row>
                    <xdr:rowOff>38100</xdr:rowOff>
                  </to>
                </anchor>
              </controlPr>
            </control>
          </mc:Choice>
        </mc:AlternateContent>
        <mc:AlternateContent xmlns:mc="http://schemas.openxmlformats.org/markup-compatibility/2006">
          <mc:Choice Requires="x14">
            <control shapeId="1184" r:id="rId163" name="Check Box 160">
              <controlPr defaultSize="0" autoFill="0" autoLine="0" autoPict="0">
                <anchor moveWithCells="1">
                  <from>
                    <xdr:col>6</xdr:col>
                    <xdr:colOff>161925</xdr:colOff>
                    <xdr:row>117</xdr:row>
                    <xdr:rowOff>0</xdr:rowOff>
                  </from>
                  <to>
                    <xdr:col>8</xdr:col>
                    <xdr:colOff>104775</xdr:colOff>
                    <xdr:row>118</xdr:row>
                    <xdr:rowOff>38100</xdr:rowOff>
                  </to>
                </anchor>
              </controlPr>
            </control>
          </mc:Choice>
        </mc:AlternateContent>
        <mc:AlternateContent xmlns:mc="http://schemas.openxmlformats.org/markup-compatibility/2006">
          <mc:Choice Requires="x14">
            <control shapeId="1185" r:id="rId164" name="Check Box 161">
              <controlPr defaultSize="0" autoFill="0" autoLine="0" autoPict="0">
                <anchor moveWithCells="1">
                  <from>
                    <xdr:col>22</xdr:col>
                    <xdr:colOff>161925</xdr:colOff>
                    <xdr:row>120</xdr:row>
                    <xdr:rowOff>142875</xdr:rowOff>
                  </from>
                  <to>
                    <xdr:col>24</xdr:col>
                    <xdr:colOff>104775</xdr:colOff>
                    <xdr:row>122</xdr:row>
                    <xdr:rowOff>38100</xdr:rowOff>
                  </to>
                </anchor>
              </controlPr>
            </control>
          </mc:Choice>
        </mc:AlternateContent>
        <mc:AlternateContent xmlns:mc="http://schemas.openxmlformats.org/markup-compatibility/2006">
          <mc:Choice Requires="x14">
            <control shapeId="1186" r:id="rId165" name="Check Box 162">
              <controlPr defaultSize="0" autoFill="0" autoLine="0" autoPict="0">
                <anchor moveWithCells="1">
                  <from>
                    <xdr:col>22</xdr:col>
                    <xdr:colOff>171450</xdr:colOff>
                    <xdr:row>122</xdr:row>
                    <xdr:rowOff>161925</xdr:rowOff>
                  </from>
                  <to>
                    <xdr:col>24</xdr:col>
                    <xdr:colOff>114300</xdr:colOff>
                    <xdr:row>124</xdr:row>
                    <xdr:rowOff>28575</xdr:rowOff>
                  </to>
                </anchor>
              </controlPr>
            </control>
          </mc:Choice>
        </mc:AlternateContent>
        <mc:AlternateContent xmlns:mc="http://schemas.openxmlformats.org/markup-compatibility/2006">
          <mc:Choice Requires="x14">
            <control shapeId="1187" r:id="rId166" name="Check Box 163">
              <controlPr defaultSize="0" autoFill="0" autoLine="0" autoPict="0">
                <anchor moveWithCells="1">
                  <from>
                    <xdr:col>22</xdr:col>
                    <xdr:colOff>161925</xdr:colOff>
                    <xdr:row>125</xdr:row>
                    <xdr:rowOff>142875</xdr:rowOff>
                  </from>
                  <to>
                    <xdr:col>24</xdr:col>
                    <xdr:colOff>104775</xdr:colOff>
                    <xdr:row>127</xdr:row>
                    <xdr:rowOff>38100</xdr:rowOff>
                  </to>
                </anchor>
              </controlPr>
            </control>
          </mc:Choice>
        </mc:AlternateContent>
        <mc:AlternateContent xmlns:mc="http://schemas.openxmlformats.org/markup-compatibility/2006">
          <mc:Choice Requires="x14">
            <control shapeId="1188" r:id="rId167" name="Check Box 164">
              <controlPr defaultSize="0" autoFill="0" autoLine="0" autoPict="0">
                <anchor moveWithCells="1">
                  <from>
                    <xdr:col>22</xdr:col>
                    <xdr:colOff>161925</xdr:colOff>
                    <xdr:row>128</xdr:row>
                    <xdr:rowOff>142875</xdr:rowOff>
                  </from>
                  <to>
                    <xdr:col>24</xdr:col>
                    <xdr:colOff>104775</xdr:colOff>
                    <xdr:row>130</xdr:row>
                    <xdr:rowOff>38100</xdr:rowOff>
                  </to>
                </anchor>
              </controlPr>
            </control>
          </mc:Choice>
        </mc:AlternateContent>
        <mc:AlternateContent xmlns:mc="http://schemas.openxmlformats.org/markup-compatibility/2006">
          <mc:Choice Requires="x14">
            <control shapeId="1189" r:id="rId168" name="Check Box 165">
              <controlPr defaultSize="0" autoFill="0" autoLine="0" autoPict="0">
                <anchor moveWithCells="1">
                  <from>
                    <xdr:col>6</xdr:col>
                    <xdr:colOff>161925</xdr:colOff>
                    <xdr:row>128</xdr:row>
                    <xdr:rowOff>142875</xdr:rowOff>
                  </from>
                  <to>
                    <xdr:col>8</xdr:col>
                    <xdr:colOff>104775</xdr:colOff>
                    <xdr:row>130</xdr:row>
                    <xdr:rowOff>38100</xdr:rowOff>
                  </to>
                </anchor>
              </controlPr>
            </control>
          </mc:Choice>
        </mc:AlternateContent>
        <mc:AlternateContent xmlns:mc="http://schemas.openxmlformats.org/markup-compatibility/2006">
          <mc:Choice Requires="x14">
            <control shapeId="1190" r:id="rId169" name="Check Box 166">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1191" r:id="rId170" name="Check Box 167">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1192" r:id="rId171" name="Check Box 168">
              <controlPr defaultSize="0" autoFill="0" autoLine="0" autoPict="0">
                <anchor moveWithCells="1">
                  <from>
                    <xdr:col>22</xdr:col>
                    <xdr:colOff>161925</xdr:colOff>
                    <xdr:row>130</xdr:row>
                    <xdr:rowOff>142875</xdr:rowOff>
                  </from>
                  <to>
                    <xdr:col>24</xdr:col>
                    <xdr:colOff>104775</xdr:colOff>
                    <xdr:row>132</xdr:row>
                    <xdr:rowOff>38100</xdr:rowOff>
                  </to>
                </anchor>
              </controlPr>
            </control>
          </mc:Choice>
        </mc:AlternateContent>
        <mc:AlternateContent xmlns:mc="http://schemas.openxmlformats.org/markup-compatibility/2006">
          <mc:Choice Requires="x14">
            <control shapeId="1193" r:id="rId172" name="Check Box 169">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1194" r:id="rId173" name="Check Box 170">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1195" r:id="rId174" name="Check Box 171">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1196" r:id="rId175" name="Check Box 172">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1197" r:id="rId176" name="Check Box 173">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1198" r:id="rId177" name="Check Box 174">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1199" r:id="rId178" name="Check Box 175">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1200" r:id="rId179" name="Check Box 176">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1201" r:id="rId180" name="Check Box 177">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1202" r:id="rId181" name="Check Box 178">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1203" r:id="rId182" name="Check Box 179">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1204" r:id="rId183" name="Check Box 180">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1205" r:id="rId184" name="Check Box 181">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1206" r:id="rId185" name="Check Box 182">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1207" r:id="rId186" name="Check Box 183">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1208" r:id="rId187" name="Check Box 184">
              <controlPr defaultSize="0" autoFill="0" autoLine="0" autoPict="0">
                <anchor moveWithCells="1">
                  <from>
                    <xdr:col>22</xdr:col>
                    <xdr:colOff>171450</xdr:colOff>
                    <xdr:row>98</xdr:row>
                    <xdr:rowOff>142875</xdr:rowOff>
                  </from>
                  <to>
                    <xdr:col>24</xdr:col>
                    <xdr:colOff>114300</xdr:colOff>
                    <xdr:row>100</xdr:row>
                    <xdr:rowOff>38100</xdr:rowOff>
                  </to>
                </anchor>
              </controlPr>
            </control>
          </mc:Choice>
        </mc:AlternateContent>
        <mc:AlternateContent xmlns:mc="http://schemas.openxmlformats.org/markup-compatibility/2006">
          <mc:Choice Requires="x14">
            <control shapeId="1209" r:id="rId188" name="Check Box 185">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1210" r:id="rId189" name="Check Box 186">
              <controlPr defaultSize="0" autoFill="0" autoLine="0" autoPict="0">
                <anchor moveWithCells="1">
                  <from>
                    <xdr:col>22</xdr:col>
                    <xdr:colOff>171450</xdr:colOff>
                    <xdr:row>101</xdr:row>
                    <xdr:rowOff>142875</xdr:rowOff>
                  </from>
                  <to>
                    <xdr:col>24</xdr:col>
                    <xdr:colOff>114300</xdr:colOff>
                    <xdr:row>103</xdr:row>
                    <xdr:rowOff>38100</xdr:rowOff>
                  </to>
                </anchor>
              </controlPr>
            </control>
          </mc:Choice>
        </mc:AlternateContent>
        <mc:AlternateContent xmlns:mc="http://schemas.openxmlformats.org/markup-compatibility/2006">
          <mc:Choice Requires="x14">
            <control shapeId="1211" r:id="rId190" name="Check Box 187">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1212" r:id="rId191" name="Check Box 188">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1213" r:id="rId192" name="Check Box 189">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1214" r:id="rId193" name="Check Box 190">
              <controlPr defaultSize="0" autoFill="0" autoLine="0" autoPict="0">
                <anchor moveWithCells="1">
                  <from>
                    <xdr:col>23</xdr:col>
                    <xdr:colOff>161925</xdr:colOff>
                    <xdr:row>106</xdr:row>
                    <xdr:rowOff>152400</xdr:rowOff>
                  </from>
                  <to>
                    <xdr:col>25</xdr:col>
                    <xdr:colOff>104775</xdr:colOff>
                    <xdr:row>108</xdr:row>
                    <xdr:rowOff>19050</xdr:rowOff>
                  </to>
                </anchor>
              </controlPr>
            </control>
          </mc:Choice>
        </mc:AlternateContent>
        <mc:AlternateContent xmlns:mc="http://schemas.openxmlformats.org/markup-compatibility/2006">
          <mc:Choice Requires="x14">
            <control shapeId="1215" r:id="rId194" name="Check Box 191">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1216" r:id="rId195" name="Check Box 192">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1217" r:id="rId196" name="Check Box 193">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1218" r:id="rId197" name="Check Box 194">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1219" r:id="rId198" name="Check Box 195">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1220" r:id="rId199" name="Check Box 196">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1221" r:id="rId200" name="Check Box 197">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1222" r:id="rId201" name="Check Box 198">
              <controlPr defaultSize="0" autoFill="0" autoLine="0" autoPict="0">
                <anchor moveWithCells="1">
                  <from>
                    <xdr:col>6</xdr:col>
                    <xdr:colOff>161925</xdr:colOff>
                    <xdr:row>15</xdr:row>
                    <xdr:rowOff>152400</xdr:rowOff>
                  </from>
                  <to>
                    <xdr:col>8</xdr:col>
                    <xdr:colOff>104775</xdr:colOff>
                    <xdr:row>17</xdr:row>
                    <xdr:rowOff>19050</xdr:rowOff>
                  </to>
                </anchor>
              </controlPr>
            </control>
          </mc:Choice>
        </mc:AlternateContent>
        <mc:AlternateContent xmlns:mc="http://schemas.openxmlformats.org/markup-compatibility/2006">
          <mc:Choice Requires="x14">
            <control shapeId="1223" r:id="rId202" name="Check Box 199">
              <controlPr defaultSize="0" autoFill="0" autoLine="0" autoPict="0">
                <anchor moveWithCells="1">
                  <from>
                    <xdr:col>6</xdr:col>
                    <xdr:colOff>161925</xdr:colOff>
                    <xdr:row>18</xdr:row>
                    <xdr:rowOff>152400</xdr:rowOff>
                  </from>
                  <to>
                    <xdr:col>8</xdr:col>
                    <xdr:colOff>104775</xdr:colOff>
                    <xdr:row>20</xdr:row>
                    <xdr:rowOff>19050</xdr:rowOff>
                  </to>
                </anchor>
              </controlPr>
            </control>
          </mc:Choice>
        </mc:AlternateContent>
        <mc:AlternateContent xmlns:mc="http://schemas.openxmlformats.org/markup-compatibility/2006">
          <mc:Choice Requires="x14">
            <control shapeId="1224" r:id="rId203" name="Check Box 200">
              <controlPr defaultSize="0" autoFill="0" autoLine="0" autoPict="0">
                <anchor moveWithCells="1">
                  <from>
                    <xdr:col>6</xdr:col>
                    <xdr:colOff>161925</xdr:colOff>
                    <xdr:row>20</xdr:row>
                    <xdr:rowOff>152400</xdr:rowOff>
                  </from>
                  <to>
                    <xdr:col>8</xdr:col>
                    <xdr:colOff>104775</xdr:colOff>
                    <xdr:row>22</xdr:row>
                    <xdr:rowOff>19050</xdr:rowOff>
                  </to>
                </anchor>
              </controlPr>
            </control>
          </mc:Choice>
        </mc:AlternateContent>
        <mc:AlternateContent xmlns:mc="http://schemas.openxmlformats.org/markup-compatibility/2006">
          <mc:Choice Requires="x14">
            <control shapeId="1225" r:id="rId204" name="Check Box 201">
              <controlPr defaultSize="0" autoFill="0" autoLine="0" autoPict="0">
                <anchor moveWithCells="1">
                  <from>
                    <xdr:col>6</xdr:col>
                    <xdr:colOff>161925</xdr:colOff>
                    <xdr:row>21</xdr:row>
                    <xdr:rowOff>152400</xdr:rowOff>
                  </from>
                  <to>
                    <xdr:col>8</xdr:col>
                    <xdr:colOff>104775</xdr:colOff>
                    <xdr:row>23</xdr:row>
                    <xdr:rowOff>19050</xdr:rowOff>
                  </to>
                </anchor>
              </controlPr>
            </control>
          </mc:Choice>
        </mc:AlternateContent>
        <mc:AlternateContent xmlns:mc="http://schemas.openxmlformats.org/markup-compatibility/2006">
          <mc:Choice Requires="x14">
            <control shapeId="1226" r:id="rId205" name="Check Box 202">
              <controlPr defaultSize="0" autoFill="0" autoLine="0" autoPict="0">
                <anchor moveWithCells="1">
                  <from>
                    <xdr:col>6</xdr:col>
                    <xdr:colOff>161925</xdr:colOff>
                    <xdr:row>23</xdr:row>
                    <xdr:rowOff>152400</xdr:rowOff>
                  </from>
                  <to>
                    <xdr:col>8</xdr:col>
                    <xdr:colOff>104775</xdr:colOff>
                    <xdr:row>25</xdr:row>
                    <xdr:rowOff>19050</xdr:rowOff>
                  </to>
                </anchor>
              </controlPr>
            </control>
          </mc:Choice>
        </mc:AlternateContent>
        <mc:AlternateContent xmlns:mc="http://schemas.openxmlformats.org/markup-compatibility/2006">
          <mc:Choice Requires="x14">
            <control shapeId="1227" r:id="rId206" name="Check Box 203">
              <controlPr defaultSize="0" autoFill="0" autoLine="0" autoPict="0">
                <anchor moveWithCells="1">
                  <from>
                    <xdr:col>6</xdr:col>
                    <xdr:colOff>161925</xdr:colOff>
                    <xdr:row>25</xdr:row>
                    <xdr:rowOff>152400</xdr:rowOff>
                  </from>
                  <to>
                    <xdr:col>8</xdr:col>
                    <xdr:colOff>104775</xdr:colOff>
                    <xdr:row>27</xdr:row>
                    <xdr:rowOff>19050</xdr:rowOff>
                  </to>
                </anchor>
              </controlPr>
            </control>
          </mc:Choice>
        </mc:AlternateContent>
        <mc:AlternateContent xmlns:mc="http://schemas.openxmlformats.org/markup-compatibility/2006">
          <mc:Choice Requires="x14">
            <control shapeId="1228" r:id="rId207" name="Check Box 204">
              <controlPr defaultSize="0" autoFill="0" autoLine="0" autoPict="0">
                <anchor moveWithCells="1">
                  <from>
                    <xdr:col>6</xdr:col>
                    <xdr:colOff>161925</xdr:colOff>
                    <xdr:row>29</xdr:row>
                    <xdr:rowOff>152400</xdr:rowOff>
                  </from>
                  <to>
                    <xdr:col>8</xdr:col>
                    <xdr:colOff>104775</xdr:colOff>
                    <xdr:row>31</xdr:row>
                    <xdr:rowOff>19050</xdr:rowOff>
                  </to>
                </anchor>
              </controlPr>
            </control>
          </mc:Choice>
        </mc:AlternateContent>
        <mc:AlternateContent xmlns:mc="http://schemas.openxmlformats.org/markup-compatibility/2006">
          <mc:Choice Requires="x14">
            <control shapeId="1229" r:id="rId208" name="Check Box 205">
              <controlPr defaultSize="0" autoFill="0" autoLine="0" autoPict="0">
                <anchor moveWithCells="1">
                  <from>
                    <xdr:col>6</xdr:col>
                    <xdr:colOff>161925</xdr:colOff>
                    <xdr:row>8</xdr:row>
                    <xdr:rowOff>152400</xdr:rowOff>
                  </from>
                  <to>
                    <xdr:col>8</xdr:col>
                    <xdr:colOff>104775</xdr:colOff>
                    <xdr:row>10</xdr:row>
                    <xdr:rowOff>19050</xdr:rowOff>
                  </to>
                </anchor>
              </controlPr>
            </control>
          </mc:Choice>
        </mc:AlternateContent>
        <mc:AlternateContent xmlns:mc="http://schemas.openxmlformats.org/markup-compatibility/2006">
          <mc:Choice Requires="x14">
            <control shapeId="1230" r:id="rId209" name="Check Box 206">
              <controlPr defaultSize="0" autoFill="0" autoLine="0" autoPict="0">
                <anchor moveWithCells="1">
                  <from>
                    <xdr:col>22</xdr:col>
                    <xdr:colOff>171450</xdr:colOff>
                    <xdr:row>5</xdr:row>
                    <xdr:rowOff>161925</xdr:rowOff>
                  </from>
                  <to>
                    <xdr:col>24</xdr:col>
                    <xdr:colOff>114300</xdr:colOff>
                    <xdr:row>7</xdr:row>
                    <xdr:rowOff>28575</xdr:rowOff>
                  </to>
                </anchor>
              </controlPr>
            </control>
          </mc:Choice>
        </mc:AlternateContent>
        <mc:AlternateContent xmlns:mc="http://schemas.openxmlformats.org/markup-compatibility/2006">
          <mc:Choice Requires="x14">
            <control shapeId="1231" r:id="rId210" name="Check Box 207">
              <controlPr defaultSize="0" autoFill="0" autoLine="0" autoPict="0">
                <anchor moveWithCells="1">
                  <from>
                    <xdr:col>22</xdr:col>
                    <xdr:colOff>161925</xdr:colOff>
                    <xdr:row>50</xdr:row>
                    <xdr:rowOff>152400</xdr:rowOff>
                  </from>
                  <to>
                    <xdr:col>24</xdr:col>
                    <xdr:colOff>104775</xdr:colOff>
                    <xdr:row>52</xdr:row>
                    <xdr:rowOff>38100</xdr:rowOff>
                  </to>
                </anchor>
              </controlPr>
            </control>
          </mc:Choice>
        </mc:AlternateContent>
        <mc:AlternateContent xmlns:mc="http://schemas.openxmlformats.org/markup-compatibility/2006">
          <mc:Choice Requires="x14">
            <control shapeId="1232" r:id="rId211" name="Check Box 208">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1233" r:id="rId212" name="Check Box 209">
              <controlPr defaultSize="0" autoFill="0" autoLine="0" autoPict="0">
                <anchor moveWithCells="1">
                  <from>
                    <xdr:col>22</xdr:col>
                    <xdr:colOff>161925</xdr:colOff>
                    <xdr:row>59</xdr:row>
                    <xdr:rowOff>152400</xdr:rowOff>
                  </from>
                  <to>
                    <xdr:col>24</xdr:col>
                    <xdr:colOff>104775</xdr:colOff>
                    <xdr:row>61</xdr:row>
                    <xdr:rowOff>38100</xdr:rowOff>
                  </to>
                </anchor>
              </controlPr>
            </control>
          </mc:Choice>
        </mc:AlternateContent>
        <mc:AlternateContent xmlns:mc="http://schemas.openxmlformats.org/markup-compatibility/2006">
          <mc:Choice Requires="x14">
            <control shapeId="1234" r:id="rId213" name="Check Box 210">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1235" r:id="rId214" name="Check Box 211">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1236" r:id="rId215" name="Check Box 212">
              <controlPr defaultSize="0" autoFill="0" autoLine="0" autoPict="0">
                <anchor moveWithCells="1">
                  <from>
                    <xdr:col>6</xdr:col>
                    <xdr:colOff>161925</xdr:colOff>
                    <xdr:row>95</xdr:row>
                    <xdr:rowOff>133350</xdr:rowOff>
                  </from>
                  <to>
                    <xdr:col>8</xdr:col>
                    <xdr:colOff>104775</xdr:colOff>
                    <xdr:row>97</xdr:row>
                    <xdr:rowOff>47625</xdr:rowOff>
                  </to>
                </anchor>
              </controlPr>
            </control>
          </mc:Choice>
        </mc:AlternateContent>
        <mc:AlternateContent xmlns:mc="http://schemas.openxmlformats.org/markup-compatibility/2006">
          <mc:Choice Requires="x14">
            <control shapeId="1237" r:id="rId216" name="Check Box 213">
              <controlPr defaultSize="0" autoFill="0" autoLine="0" autoPict="0">
                <anchor moveWithCells="1">
                  <from>
                    <xdr:col>6</xdr:col>
                    <xdr:colOff>161925</xdr:colOff>
                    <xdr:row>101</xdr:row>
                    <xdr:rowOff>133350</xdr:rowOff>
                  </from>
                  <to>
                    <xdr:col>8</xdr:col>
                    <xdr:colOff>104775</xdr:colOff>
                    <xdr:row>103</xdr:row>
                    <xdr:rowOff>47625</xdr:rowOff>
                  </to>
                </anchor>
              </controlPr>
            </control>
          </mc:Choice>
        </mc:AlternateContent>
        <mc:AlternateContent xmlns:mc="http://schemas.openxmlformats.org/markup-compatibility/2006">
          <mc:Choice Requires="x14">
            <control shapeId="1238" r:id="rId217" name="Check Box 214">
              <controlPr defaultSize="0" autoFill="0" autoLine="0" autoPict="0">
                <anchor moveWithCells="1">
                  <from>
                    <xdr:col>6</xdr:col>
                    <xdr:colOff>161925</xdr:colOff>
                    <xdr:row>0</xdr:row>
                    <xdr:rowOff>161925</xdr:rowOff>
                  </from>
                  <to>
                    <xdr:col>8</xdr:col>
                    <xdr:colOff>104775</xdr:colOff>
                    <xdr:row>2</xdr:row>
                    <xdr:rowOff>28575</xdr:rowOff>
                  </to>
                </anchor>
              </controlPr>
            </control>
          </mc:Choice>
        </mc:AlternateContent>
        <mc:AlternateContent xmlns:mc="http://schemas.openxmlformats.org/markup-compatibility/2006">
          <mc:Choice Requires="x14">
            <control shapeId="1239" r:id="rId218" name="Check Box 215">
              <controlPr defaultSize="0" autoFill="0" autoLine="0" autoPict="0">
                <anchor moveWithCells="1">
                  <from>
                    <xdr:col>6</xdr:col>
                    <xdr:colOff>161925</xdr:colOff>
                    <xdr:row>1</xdr:row>
                    <xdr:rowOff>161925</xdr:rowOff>
                  </from>
                  <to>
                    <xdr:col>8</xdr:col>
                    <xdr:colOff>104775</xdr:colOff>
                    <xdr:row>3</xdr:row>
                    <xdr:rowOff>28575</xdr:rowOff>
                  </to>
                </anchor>
              </controlPr>
            </control>
          </mc:Choice>
        </mc:AlternateContent>
        <mc:AlternateContent xmlns:mc="http://schemas.openxmlformats.org/markup-compatibility/2006">
          <mc:Choice Requires="x14">
            <control shapeId="1240" r:id="rId219" name="Check Box 216">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1241" r:id="rId220" name="Check Box 217">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1242" r:id="rId221" name="Check Box 218">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1243" r:id="rId222" name="Check Box 219">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1244" r:id="rId223" name="Check Box 220">
              <controlPr defaultSize="0" autoFill="0" autoLine="0" autoPict="0">
                <anchor moveWithCells="1">
                  <from>
                    <xdr:col>6</xdr:col>
                    <xdr:colOff>161925</xdr:colOff>
                    <xdr:row>105</xdr:row>
                    <xdr:rowOff>142875</xdr:rowOff>
                  </from>
                  <to>
                    <xdr:col>8</xdr:col>
                    <xdr:colOff>104775</xdr:colOff>
                    <xdr:row>107</xdr:row>
                    <xdr:rowOff>38100</xdr:rowOff>
                  </to>
                </anchor>
              </controlPr>
            </control>
          </mc:Choice>
        </mc:AlternateContent>
        <mc:AlternateContent xmlns:mc="http://schemas.openxmlformats.org/markup-compatibility/2006">
          <mc:Choice Requires="x14">
            <control shapeId="1245" r:id="rId224" name="Check Box 221">
              <controlPr defaultSize="0" autoFill="0" autoLine="0" autoPict="0">
                <anchor moveWithCells="1">
                  <from>
                    <xdr:col>6</xdr:col>
                    <xdr:colOff>161925</xdr:colOff>
                    <xdr:row>109</xdr:row>
                    <xdr:rowOff>142875</xdr:rowOff>
                  </from>
                  <to>
                    <xdr:col>8</xdr:col>
                    <xdr:colOff>104775</xdr:colOff>
                    <xdr:row>111</xdr:row>
                    <xdr:rowOff>38100</xdr:rowOff>
                  </to>
                </anchor>
              </controlPr>
            </control>
          </mc:Choice>
        </mc:AlternateContent>
        <mc:AlternateContent xmlns:mc="http://schemas.openxmlformats.org/markup-compatibility/2006">
          <mc:Choice Requires="x14">
            <control shapeId="1246" r:id="rId225" name="Check Box 222">
              <controlPr defaultSize="0" autoFill="0" autoLine="0" autoPict="0">
                <anchor moveWithCells="1">
                  <from>
                    <xdr:col>6</xdr:col>
                    <xdr:colOff>161925</xdr:colOff>
                    <xdr:row>111</xdr:row>
                    <xdr:rowOff>142875</xdr:rowOff>
                  </from>
                  <to>
                    <xdr:col>8</xdr:col>
                    <xdr:colOff>104775</xdr:colOff>
                    <xdr:row>113</xdr:row>
                    <xdr:rowOff>38100</xdr:rowOff>
                  </to>
                </anchor>
              </controlPr>
            </control>
          </mc:Choice>
        </mc:AlternateContent>
        <mc:AlternateContent xmlns:mc="http://schemas.openxmlformats.org/markup-compatibility/2006">
          <mc:Choice Requires="x14">
            <control shapeId="1247" r:id="rId226" name="Check Box 223">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1248" r:id="rId227" name="Check Box 224">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1249" r:id="rId228" name="Check Box 225">
              <controlPr defaultSize="0" autoFill="0" autoLine="0" autoPict="0">
                <anchor moveWithCells="1">
                  <from>
                    <xdr:col>6</xdr:col>
                    <xdr:colOff>161925</xdr:colOff>
                    <xdr:row>43</xdr:row>
                    <xdr:rowOff>9525</xdr:rowOff>
                  </from>
                  <to>
                    <xdr:col>8</xdr:col>
                    <xdr:colOff>104775</xdr:colOff>
                    <xdr:row>44</xdr:row>
                    <xdr:rowOff>47625</xdr:rowOff>
                  </to>
                </anchor>
              </controlPr>
            </control>
          </mc:Choice>
        </mc:AlternateContent>
        <mc:AlternateContent xmlns:mc="http://schemas.openxmlformats.org/markup-compatibility/2006">
          <mc:Choice Requires="x14">
            <control shapeId="1250" r:id="rId229" name="Check Box 226">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1251" r:id="rId230" name="Check Box 227">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1252" r:id="rId231" name="Check Box 228">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1253" r:id="rId232" name="Check Box 229">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1254" r:id="rId233" name="Check Box 230">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1255" r:id="rId234" name="Check Box 231">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1256" r:id="rId235" name="Check Box 232">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1257" r:id="rId236" name="Check Box 233">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1258" r:id="rId237" name="Check Box 234">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1259" r:id="rId238" name="Check Box 235">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1260" r:id="rId239" name="Check Box 236">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1261" r:id="rId240" name="Check Box 237">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1262" r:id="rId241" name="Check Box 238">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1263" r:id="rId242" name="Check Box 239">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1264" r:id="rId243" name="Check Box 240">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1265" r:id="rId244" name="Check Box 241">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1266" r:id="rId245" name="Check Box 242">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1267" r:id="rId246" name="Check Box 243">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1268" r:id="rId247" name="Check Box 244">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1269" r:id="rId248" name="Check Box 245">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1270" r:id="rId249" name="Check Box 246">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1271" r:id="rId250" name="Check Box 247">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1272" r:id="rId251" name="Check Box 248">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1273" r:id="rId252" name="Check Box 249">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1274" r:id="rId253" name="Check Box 250">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1275" r:id="rId254" name="Check Box 251">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1276" r:id="rId255" name="Check Box 252">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1277" r:id="rId256" name="Check Box 253">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1278" r:id="rId257" name="Check Box 254">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1279" r:id="rId258" name="Check Box 255">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1280" r:id="rId259" name="Check Box 256">
              <controlPr defaultSize="0" autoFill="0" autoLine="0" autoPict="0">
                <anchor moveWithCells="1">
                  <from>
                    <xdr:col>6</xdr:col>
                    <xdr:colOff>161925</xdr:colOff>
                    <xdr:row>31</xdr:row>
                    <xdr:rowOff>152400</xdr:rowOff>
                  </from>
                  <to>
                    <xdr:col>8</xdr:col>
                    <xdr:colOff>104775</xdr:colOff>
                    <xdr:row>33</xdr:row>
                    <xdr:rowOff>38100</xdr:rowOff>
                  </to>
                </anchor>
              </controlPr>
            </control>
          </mc:Choice>
        </mc:AlternateContent>
        <mc:AlternateContent xmlns:mc="http://schemas.openxmlformats.org/markup-compatibility/2006">
          <mc:Choice Requires="x14">
            <control shapeId="1281" r:id="rId260" name="Check Box 257">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1282" r:id="rId261" name="Check Box 258">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1283" r:id="rId262" name="Check Box 259">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1284" r:id="rId263" name="Check Box 260">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1285" r:id="rId264" name="Check Box 261">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1286" r:id="rId265" name="Check Box 262">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1287" r:id="rId266" name="Check Box 263">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1288" r:id="rId267" name="Check Box 264">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1289" r:id="rId268" name="Check Box 265">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1290" r:id="rId269" name="Check Box 266">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1291" r:id="rId270" name="Check Box 267">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1292" r:id="rId271" name="Check Box 268">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1293" r:id="rId272" name="Check Box 269">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1294" r:id="rId273" name="Check Box 270">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1295" r:id="rId274" name="Check Box 271">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1296" r:id="rId275" name="Check Box 272">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1297" r:id="rId276" name="Check Box 273">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1298" r:id="rId277" name="Check Box 274">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1299" r:id="rId278" name="Check Box 275">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1300" r:id="rId279" name="Check Box 276">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1301" r:id="rId280" name="Check Box 277">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1302" r:id="rId281" name="Check Box 278">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1303" r:id="rId282" name="Check Box 279">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1304" r:id="rId283" name="Check Box 280">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1305" r:id="rId284" name="Check Box 281">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1306" r:id="rId285" name="Check Box 282">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1307" r:id="rId286" name="Check Box 283">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1308" r:id="rId287" name="Check Box 284">
              <controlPr defaultSize="0" autoFill="0" autoLine="0" autoPict="0">
                <anchor moveWithCells="1">
                  <from>
                    <xdr:col>22</xdr:col>
                    <xdr:colOff>161925</xdr:colOff>
                    <xdr:row>43</xdr:row>
                    <xdr:rowOff>9525</xdr:rowOff>
                  </from>
                  <to>
                    <xdr:col>24</xdr:col>
                    <xdr:colOff>104775</xdr:colOff>
                    <xdr:row>44</xdr:row>
                    <xdr:rowOff>28575</xdr:rowOff>
                  </to>
                </anchor>
              </controlPr>
            </control>
          </mc:Choice>
        </mc:AlternateContent>
        <mc:AlternateContent xmlns:mc="http://schemas.openxmlformats.org/markup-compatibility/2006">
          <mc:Choice Requires="x14">
            <control shapeId="1309" r:id="rId288" name="Check Box 285">
              <controlPr defaultSize="0" autoFill="0" autoLine="0" autoPict="0">
                <anchor moveWithCells="1">
                  <from>
                    <xdr:col>23</xdr:col>
                    <xdr:colOff>152400</xdr:colOff>
                    <xdr:row>44</xdr:row>
                    <xdr:rowOff>0</xdr:rowOff>
                  </from>
                  <to>
                    <xdr:col>25</xdr:col>
                    <xdr:colOff>95250</xdr:colOff>
                    <xdr:row>45</xdr:row>
                    <xdr:rowOff>38100</xdr:rowOff>
                  </to>
                </anchor>
              </controlPr>
            </control>
          </mc:Choice>
        </mc:AlternateContent>
        <mc:AlternateContent xmlns:mc="http://schemas.openxmlformats.org/markup-compatibility/2006">
          <mc:Choice Requires="x14">
            <control shapeId="1310" r:id="rId289" name="Check Box 286">
              <controlPr defaultSize="0" autoFill="0" autoLine="0" autoPict="0">
                <anchor moveWithCells="1">
                  <from>
                    <xdr:col>22</xdr:col>
                    <xdr:colOff>171450</xdr:colOff>
                    <xdr:row>44</xdr:row>
                    <xdr:rowOff>142875</xdr:rowOff>
                  </from>
                  <to>
                    <xdr:col>24</xdr:col>
                    <xdr:colOff>114300</xdr:colOff>
                    <xdr:row>46</xdr:row>
                    <xdr:rowOff>28575</xdr:rowOff>
                  </to>
                </anchor>
              </controlPr>
            </control>
          </mc:Choice>
        </mc:AlternateContent>
        <mc:AlternateContent xmlns:mc="http://schemas.openxmlformats.org/markup-compatibility/2006">
          <mc:Choice Requires="x14">
            <control shapeId="1311" r:id="rId290" name="Check Box 287">
              <controlPr defaultSize="0" autoFill="0" autoLine="0" autoPict="0">
                <anchor moveWithCells="1">
                  <from>
                    <xdr:col>23</xdr:col>
                    <xdr:colOff>171450</xdr:colOff>
                    <xdr:row>45</xdr:row>
                    <xdr:rowOff>152400</xdr:rowOff>
                  </from>
                  <to>
                    <xdr:col>25</xdr:col>
                    <xdr:colOff>114300</xdr:colOff>
                    <xdr:row>47</xdr:row>
                    <xdr:rowOff>38100</xdr:rowOff>
                  </to>
                </anchor>
              </controlPr>
            </control>
          </mc:Choice>
        </mc:AlternateContent>
        <mc:AlternateContent xmlns:mc="http://schemas.openxmlformats.org/markup-compatibility/2006">
          <mc:Choice Requires="x14">
            <control shapeId="1312" r:id="rId291" name="Check Box 288">
              <controlPr defaultSize="0" autoFill="0" autoLine="0" autoPict="0">
                <anchor moveWithCells="1">
                  <from>
                    <xdr:col>29</xdr:col>
                    <xdr:colOff>152400</xdr:colOff>
                    <xdr:row>45</xdr:row>
                    <xdr:rowOff>133350</xdr:rowOff>
                  </from>
                  <to>
                    <xdr:col>31</xdr:col>
                    <xdr:colOff>95250</xdr:colOff>
                    <xdr:row>47</xdr:row>
                    <xdr:rowOff>38100</xdr:rowOff>
                  </to>
                </anchor>
              </controlPr>
            </control>
          </mc:Choice>
        </mc:AlternateContent>
        <mc:AlternateContent xmlns:mc="http://schemas.openxmlformats.org/markup-compatibility/2006">
          <mc:Choice Requires="x14">
            <control shapeId="1313" r:id="rId292" name="Check Box 289">
              <controlPr defaultSize="0" autoFill="0" autoLine="0" autoPict="0">
                <anchor moveWithCells="1">
                  <from>
                    <xdr:col>29</xdr:col>
                    <xdr:colOff>152400</xdr:colOff>
                    <xdr:row>43</xdr:row>
                    <xdr:rowOff>171450</xdr:rowOff>
                  </from>
                  <to>
                    <xdr:col>31</xdr:col>
                    <xdr:colOff>95250</xdr:colOff>
                    <xdr:row>45</xdr:row>
                    <xdr:rowOff>38100</xdr:rowOff>
                  </to>
                </anchor>
              </controlPr>
            </control>
          </mc:Choice>
        </mc:AlternateContent>
        <mc:AlternateContent xmlns:mc="http://schemas.openxmlformats.org/markup-compatibility/2006">
          <mc:Choice Requires="x14">
            <control shapeId="1314" r:id="rId293" name="Check Box 290">
              <controlPr defaultSize="0" autoFill="0" autoLine="0" autoPict="0">
                <anchor moveWithCells="1">
                  <from>
                    <xdr:col>49</xdr:col>
                    <xdr:colOff>161925</xdr:colOff>
                    <xdr:row>45</xdr:row>
                    <xdr:rowOff>142875</xdr:rowOff>
                  </from>
                  <to>
                    <xdr:col>51</xdr:col>
                    <xdr:colOff>104775</xdr:colOff>
                    <xdr:row>47</xdr:row>
                    <xdr:rowOff>28575</xdr:rowOff>
                  </to>
                </anchor>
              </controlPr>
            </control>
          </mc:Choice>
        </mc:AlternateContent>
        <mc:AlternateContent xmlns:mc="http://schemas.openxmlformats.org/markup-compatibility/2006">
          <mc:Choice Requires="x14">
            <control shapeId="1315" r:id="rId294" name="Check Box 291">
              <controlPr defaultSize="0" autoFill="0" autoLine="0" autoPict="0">
                <anchor moveWithCells="1">
                  <from>
                    <xdr:col>54</xdr:col>
                    <xdr:colOff>152400</xdr:colOff>
                    <xdr:row>45</xdr:row>
                    <xdr:rowOff>152400</xdr:rowOff>
                  </from>
                  <to>
                    <xdr:col>56</xdr:col>
                    <xdr:colOff>95250</xdr:colOff>
                    <xdr:row>47</xdr:row>
                    <xdr:rowOff>38100</xdr:rowOff>
                  </to>
                </anchor>
              </controlPr>
            </control>
          </mc:Choice>
        </mc:AlternateContent>
        <mc:AlternateContent xmlns:mc="http://schemas.openxmlformats.org/markup-compatibility/2006">
          <mc:Choice Requires="x14">
            <control shapeId="1316" r:id="rId295" name="Check Box 292">
              <controlPr defaultSize="0" autoFill="0" autoLine="0" autoPict="0">
                <anchor moveWithCells="1">
                  <from>
                    <xdr:col>23</xdr:col>
                    <xdr:colOff>171450</xdr:colOff>
                    <xdr:row>46</xdr:row>
                    <xdr:rowOff>142875</xdr:rowOff>
                  </from>
                  <to>
                    <xdr:col>25</xdr:col>
                    <xdr:colOff>114300</xdr:colOff>
                    <xdr:row>48</xdr:row>
                    <xdr:rowOff>28575</xdr:rowOff>
                  </to>
                </anchor>
              </controlPr>
            </control>
          </mc:Choice>
        </mc:AlternateContent>
        <mc:AlternateContent xmlns:mc="http://schemas.openxmlformats.org/markup-compatibility/2006">
          <mc:Choice Requires="x14">
            <control shapeId="1317" r:id="rId296" name="Check Box 293">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1318" r:id="rId297" name="Check Box 294">
              <controlPr defaultSize="0" autoFill="0" autoLine="0" autoPict="0">
                <anchor moveWithCells="1">
                  <from>
                    <xdr:col>6</xdr:col>
                    <xdr:colOff>161925</xdr:colOff>
                    <xdr:row>50</xdr:row>
                    <xdr:rowOff>142875</xdr:rowOff>
                  </from>
                  <to>
                    <xdr:col>8</xdr:col>
                    <xdr:colOff>104775</xdr:colOff>
                    <xdr:row>52</xdr:row>
                    <xdr:rowOff>28575</xdr:rowOff>
                  </to>
                </anchor>
              </controlPr>
            </control>
          </mc:Choice>
        </mc:AlternateContent>
        <mc:AlternateContent xmlns:mc="http://schemas.openxmlformats.org/markup-compatibility/2006">
          <mc:Choice Requires="x14">
            <control shapeId="1319" r:id="rId298" name="Check Box 295">
              <controlPr defaultSize="0" autoFill="0" autoLine="0" autoPict="0">
                <anchor moveWithCells="1">
                  <from>
                    <xdr:col>31</xdr:col>
                    <xdr:colOff>161925</xdr:colOff>
                    <xdr:row>52</xdr:row>
                    <xdr:rowOff>133350</xdr:rowOff>
                  </from>
                  <to>
                    <xdr:col>33</xdr:col>
                    <xdr:colOff>104775</xdr:colOff>
                    <xdr:row>54</xdr:row>
                    <xdr:rowOff>19050</xdr:rowOff>
                  </to>
                </anchor>
              </controlPr>
            </control>
          </mc:Choice>
        </mc:AlternateContent>
        <mc:AlternateContent xmlns:mc="http://schemas.openxmlformats.org/markup-compatibility/2006">
          <mc:Choice Requires="x14">
            <control shapeId="1320" r:id="rId299" name="Check Box 296">
              <controlPr defaultSize="0" autoFill="0" autoLine="0" autoPict="0">
                <anchor moveWithCells="1">
                  <from>
                    <xdr:col>35</xdr:col>
                    <xdr:colOff>152400</xdr:colOff>
                    <xdr:row>52</xdr:row>
                    <xdr:rowOff>142875</xdr:rowOff>
                  </from>
                  <to>
                    <xdr:col>37</xdr:col>
                    <xdr:colOff>95250</xdr:colOff>
                    <xdr:row>54</xdr:row>
                    <xdr:rowOff>28575</xdr:rowOff>
                  </to>
                </anchor>
              </controlPr>
            </control>
          </mc:Choice>
        </mc:AlternateContent>
        <mc:AlternateContent xmlns:mc="http://schemas.openxmlformats.org/markup-compatibility/2006">
          <mc:Choice Requires="x14">
            <control shapeId="1321" r:id="rId300" name="Check Box 297">
              <controlPr defaultSize="0" autoFill="0" autoLine="0" autoPict="0">
                <anchor moveWithCells="1">
                  <from>
                    <xdr:col>39</xdr:col>
                    <xdr:colOff>161925</xdr:colOff>
                    <xdr:row>52</xdr:row>
                    <xdr:rowOff>142875</xdr:rowOff>
                  </from>
                  <to>
                    <xdr:col>41</xdr:col>
                    <xdr:colOff>104775</xdr:colOff>
                    <xdr:row>54</xdr:row>
                    <xdr:rowOff>28575</xdr:rowOff>
                  </to>
                </anchor>
              </controlPr>
            </control>
          </mc:Choice>
        </mc:AlternateContent>
        <mc:AlternateContent xmlns:mc="http://schemas.openxmlformats.org/markup-compatibility/2006">
          <mc:Choice Requires="x14">
            <control shapeId="1322" r:id="rId301" name="Check Box 298">
              <controlPr defaultSize="0" autoFill="0" autoLine="0" autoPict="0">
                <anchor moveWithCells="1">
                  <from>
                    <xdr:col>43</xdr:col>
                    <xdr:colOff>171450</xdr:colOff>
                    <xdr:row>52</xdr:row>
                    <xdr:rowOff>142875</xdr:rowOff>
                  </from>
                  <to>
                    <xdr:col>45</xdr:col>
                    <xdr:colOff>114300</xdr:colOff>
                    <xdr:row>54</xdr:row>
                    <xdr:rowOff>28575</xdr:rowOff>
                  </to>
                </anchor>
              </controlPr>
            </control>
          </mc:Choice>
        </mc:AlternateContent>
        <mc:AlternateContent xmlns:mc="http://schemas.openxmlformats.org/markup-compatibility/2006">
          <mc:Choice Requires="x14">
            <control shapeId="1323" r:id="rId302" name="Check Box 299">
              <controlPr defaultSize="0" autoFill="0" autoLine="0" autoPict="0">
                <anchor moveWithCells="1">
                  <from>
                    <xdr:col>47</xdr:col>
                    <xdr:colOff>142875</xdr:colOff>
                    <xdr:row>52</xdr:row>
                    <xdr:rowOff>152400</xdr:rowOff>
                  </from>
                  <to>
                    <xdr:col>49</xdr:col>
                    <xdr:colOff>85725</xdr:colOff>
                    <xdr:row>54</xdr:row>
                    <xdr:rowOff>38100</xdr:rowOff>
                  </to>
                </anchor>
              </controlPr>
            </control>
          </mc:Choice>
        </mc:AlternateContent>
        <mc:AlternateContent xmlns:mc="http://schemas.openxmlformats.org/markup-compatibility/2006">
          <mc:Choice Requires="x14">
            <control shapeId="1324" r:id="rId303" name="Check Box 300">
              <controlPr defaultSize="0" autoFill="0" autoLine="0" autoPict="0">
                <anchor moveWithCells="1">
                  <from>
                    <xdr:col>51</xdr:col>
                    <xdr:colOff>161925</xdr:colOff>
                    <xdr:row>52</xdr:row>
                    <xdr:rowOff>142875</xdr:rowOff>
                  </from>
                  <to>
                    <xdr:col>53</xdr:col>
                    <xdr:colOff>104775</xdr:colOff>
                    <xdr:row>54</xdr:row>
                    <xdr:rowOff>28575</xdr:rowOff>
                  </to>
                </anchor>
              </controlPr>
            </control>
          </mc:Choice>
        </mc:AlternateContent>
        <mc:AlternateContent xmlns:mc="http://schemas.openxmlformats.org/markup-compatibility/2006">
          <mc:Choice Requires="x14">
            <control shapeId="1325" r:id="rId304" name="Check Box 301">
              <controlPr defaultSize="0" autoFill="0" autoLine="0" autoPict="0">
                <anchor moveWithCells="1">
                  <from>
                    <xdr:col>22</xdr:col>
                    <xdr:colOff>161925</xdr:colOff>
                    <xdr:row>55</xdr:row>
                    <xdr:rowOff>152400</xdr:rowOff>
                  </from>
                  <to>
                    <xdr:col>24</xdr:col>
                    <xdr:colOff>104775</xdr:colOff>
                    <xdr:row>57</xdr:row>
                    <xdr:rowOff>38100</xdr:rowOff>
                  </to>
                </anchor>
              </controlPr>
            </control>
          </mc:Choice>
        </mc:AlternateContent>
        <mc:AlternateContent xmlns:mc="http://schemas.openxmlformats.org/markup-compatibility/2006">
          <mc:Choice Requires="x14">
            <control shapeId="1326" r:id="rId305" name="Check Box 302">
              <controlPr defaultSize="0" autoFill="0" autoLine="0" autoPict="0">
                <anchor moveWithCells="1">
                  <from>
                    <xdr:col>23</xdr:col>
                    <xdr:colOff>152400</xdr:colOff>
                    <xdr:row>56</xdr:row>
                    <xdr:rowOff>142875</xdr:rowOff>
                  </from>
                  <to>
                    <xdr:col>25</xdr:col>
                    <xdr:colOff>95250</xdr:colOff>
                    <xdr:row>58</xdr:row>
                    <xdr:rowOff>28575</xdr:rowOff>
                  </to>
                </anchor>
              </controlPr>
            </control>
          </mc:Choice>
        </mc:AlternateContent>
        <mc:AlternateContent xmlns:mc="http://schemas.openxmlformats.org/markup-compatibility/2006">
          <mc:Choice Requires="x14">
            <control shapeId="1327" r:id="rId306" name="Check Box 303">
              <controlPr defaultSize="0" autoFill="0" autoLine="0" autoPict="0">
                <anchor moveWithCells="1">
                  <from>
                    <xdr:col>29</xdr:col>
                    <xdr:colOff>152400</xdr:colOff>
                    <xdr:row>56</xdr:row>
                    <xdr:rowOff>142875</xdr:rowOff>
                  </from>
                  <to>
                    <xdr:col>31</xdr:col>
                    <xdr:colOff>95250</xdr:colOff>
                    <xdr:row>58</xdr:row>
                    <xdr:rowOff>28575</xdr:rowOff>
                  </to>
                </anchor>
              </controlPr>
            </control>
          </mc:Choice>
        </mc:AlternateContent>
        <mc:AlternateContent xmlns:mc="http://schemas.openxmlformats.org/markup-compatibility/2006">
          <mc:Choice Requires="x14">
            <control shapeId="1328" r:id="rId307" name="Check Box 304">
              <controlPr defaultSize="0" autoFill="0" autoLine="0" autoPict="0">
                <anchor moveWithCells="1">
                  <from>
                    <xdr:col>22</xdr:col>
                    <xdr:colOff>161925</xdr:colOff>
                    <xdr:row>57</xdr:row>
                    <xdr:rowOff>142875</xdr:rowOff>
                  </from>
                  <to>
                    <xdr:col>24</xdr:col>
                    <xdr:colOff>104775</xdr:colOff>
                    <xdr:row>59</xdr:row>
                    <xdr:rowOff>28575</xdr:rowOff>
                  </to>
                </anchor>
              </controlPr>
            </control>
          </mc:Choice>
        </mc:AlternateContent>
        <mc:AlternateContent xmlns:mc="http://schemas.openxmlformats.org/markup-compatibility/2006">
          <mc:Choice Requires="x14">
            <control shapeId="1329" r:id="rId308" name="Check Box 305">
              <controlPr defaultSize="0" autoFill="0" autoLine="0" autoPict="0">
                <anchor moveWithCells="1">
                  <from>
                    <xdr:col>23</xdr:col>
                    <xdr:colOff>152400</xdr:colOff>
                    <xdr:row>58</xdr:row>
                    <xdr:rowOff>142875</xdr:rowOff>
                  </from>
                  <to>
                    <xdr:col>25</xdr:col>
                    <xdr:colOff>95250</xdr:colOff>
                    <xdr:row>60</xdr:row>
                    <xdr:rowOff>28575</xdr:rowOff>
                  </to>
                </anchor>
              </controlPr>
            </control>
          </mc:Choice>
        </mc:AlternateContent>
        <mc:AlternateContent xmlns:mc="http://schemas.openxmlformats.org/markup-compatibility/2006">
          <mc:Choice Requires="x14">
            <control shapeId="1330" r:id="rId309" name="Check Box 306">
              <controlPr defaultSize="0" autoFill="0" autoLine="0" autoPict="0">
                <anchor moveWithCells="1">
                  <from>
                    <xdr:col>55</xdr:col>
                    <xdr:colOff>152400</xdr:colOff>
                    <xdr:row>58</xdr:row>
                    <xdr:rowOff>152400</xdr:rowOff>
                  </from>
                  <to>
                    <xdr:col>57</xdr:col>
                    <xdr:colOff>95250</xdr:colOff>
                    <xdr:row>60</xdr:row>
                    <xdr:rowOff>38100</xdr:rowOff>
                  </to>
                </anchor>
              </controlPr>
            </control>
          </mc:Choice>
        </mc:AlternateContent>
        <mc:AlternateContent xmlns:mc="http://schemas.openxmlformats.org/markup-compatibility/2006">
          <mc:Choice Requires="x14">
            <control shapeId="1331" r:id="rId310" name="Check Box 307">
              <controlPr defaultSize="0" autoFill="0" autoLine="0" autoPict="0">
                <anchor moveWithCells="1">
                  <from>
                    <xdr:col>29</xdr:col>
                    <xdr:colOff>152400</xdr:colOff>
                    <xdr:row>58</xdr:row>
                    <xdr:rowOff>142875</xdr:rowOff>
                  </from>
                  <to>
                    <xdr:col>31</xdr:col>
                    <xdr:colOff>95250</xdr:colOff>
                    <xdr:row>60</xdr:row>
                    <xdr:rowOff>28575</xdr:rowOff>
                  </to>
                </anchor>
              </controlPr>
            </control>
          </mc:Choice>
        </mc:AlternateContent>
        <mc:AlternateContent xmlns:mc="http://schemas.openxmlformats.org/markup-compatibility/2006">
          <mc:Choice Requires="x14">
            <control shapeId="1332" r:id="rId311" name="Check Box 308">
              <controlPr defaultSize="0" autoFill="0" autoLine="0" autoPict="0">
                <anchor moveWithCells="1">
                  <from>
                    <xdr:col>6</xdr:col>
                    <xdr:colOff>161925</xdr:colOff>
                    <xdr:row>55</xdr:row>
                    <xdr:rowOff>142875</xdr:rowOff>
                  </from>
                  <to>
                    <xdr:col>8</xdr:col>
                    <xdr:colOff>104775</xdr:colOff>
                    <xdr:row>57</xdr:row>
                    <xdr:rowOff>28575</xdr:rowOff>
                  </to>
                </anchor>
              </controlPr>
            </control>
          </mc:Choice>
        </mc:AlternateContent>
        <mc:AlternateContent xmlns:mc="http://schemas.openxmlformats.org/markup-compatibility/2006">
          <mc:Choice Requires="x14">
            <control shapeId="1333" r:id="rId312" name="Check Box 309">
              <controlPr defaultSize="0" autoFill="0" autoLine="0" autoPict="0">
                <anchor moveWithCells="1">
                  <from>
                    <xdr:col>6</xdr:col>
                    <xdr:colOff>161925</xdr:colOff>
                    <xdr:row>59</xdr:row>
                    <xdr:rowOff>142875</xdr:rowOff>
                  </from>
                  <to>
                    <xdr:col>8</xdr:col>
                    <xdr:colOff>104775</xdr:colOff>
                    <xdr:row>61</xdr:row>
                    <xdr:rowOff>28575</xdr:rowOff>
                  </to>
                </anchor>
              </controlPr>
            </control>
          </mc:Choice>
        </mc:AlternateContent>
        <mc:AlternateContent xmlns:mc="http://schemas.openxmlformats.org/markup-compatibility/2006">
          <mc:Choice Requires="x14">
            <control shapeId="1334" r:id="rId313" name="Check Box 310">
              <controlPr defaultSize="0" autoFill="0" autoLine="0" autoPict="0">
                <anchor moveWithCells="1">
                  <from>
                    <xdr:col>6</xdr:col>
                    <xdr:colOff>161925</xdr:colOff>
                    <xdr:row>61</xdr:row>
                    <xdr:rowOff>152400</xdr:rowOff>
                  </from>
                  <to>
                    <xdr:col>8</xdr:col>
                    <xdr:colOff>104775</xdr:colOff>
                    <xdr:row>63</xdr:row>
                    <xdr:rowOff>38100</xdr:rowOff>
                  </to>
                </anchor>
              </controlPr>
            </control>
          </mc:Choice>
        </mc:AlternateContent>
        <mc:AlternateContent xmlns:mc="http://schemas.openxmlformats.org/markup-compatibility/2006">
          <mc:Choice Requires="x14">
            <control shapeId="1335" r:id="rId314" name="Check Box 311">
              <controlPr defaultSize="0" autoFill="0" autoLine="0" autoPict="0">
                <anchor moveWithCells="1">
                  <from>
                    <xdr:col>6</xdr:col>
                    <xdr:colOff>161925</xdr:colOff>
                    <xdr:row>63</xdr:row>
                    <xdr:rowOff>142875</xdr:rowOff>
                  </from>
                  <to>
                    <xdr:col>8</xdr:col>
                    <xdr:colOff>104775</xdr:colOff>
                    <xdr:row>65</xdr:row>
                    <xdr:rowOff>28575</xdr:rowOff>
                  </to>
                </anchor>
              </controlPr>
            </control>
          </mc:Choice>
        </mc:AlternateContent>
        <mc:AlternateContent xmlns:mc="http://schemas.openxmlformats.org/markup-compatibility/2006">
          <mc:Choice Requires="x14">
            <control shapeId="1336" r:id="rId315" name="Check Box 312">
              <controlPr defaultSize="0" autoFill="0" autoLine="0" autoPict="0">
                <anchor moveWithCells="1">
                  <from>
                    <xdr:col>22</xdr:col>
                    <xdr:colOff>161925</xdr:colOff>
                    <xdr:row>63</xdr:row>
                    <xdr:rowOff>142875</xdr:rowOff>
                  </from>
                  <to>
                    <xdr:col>24</xdr:col>
                    <xdr:colOff>104775</xdr:colOff>
                    <xdr:row>65</xdr:row>
                    <xdr:rowOff>28575</xdr:rowOff>
                  </to>
                </anchor>
              </controlPr>
            </control>
          </mc:Choice>
        </mc:AlternateContent>
        <mc:AlternateContent xmlns:mc="http://schemas.openxmlformats.org/markup-compatibility/2006">
          <mc:Choice Requires="x14">
            <control shapeId="1337" r:id="rId316" name="Check Box 313">
              <controlPr defaultSize="0" autoFill="0" autoLine="0" autoPict="0">
                <anchor moveWithCells="1">
                  <from>
                    <xdr:col>23</xdr:col>
                    <xdr:colOff>152400</xdr:colOff>
                    <xdr:row>64</xdr:row>
                    <xdr:rowOff>161925</xdr:rowOff>
                  </from>
                  <to>
                    <xdr:col>25</xdr:col>
                    <xdr:colOff>95250</xdr:colOff>
                    <xdr:row>66</xdr:row>
                    <xdr:rowOff>47625</xdr:rowOff>
                  </to>
                </anchor>
              </controlPr>
            </control>
          </mc:Choice>
        </mc:AlternateContent>
        <mc:AlternateContent xmlns:mc="http://schemas.openxmlformats.org/markup-compatibility/2006">
          <mc:Choice Requires="x14">
            <control shapeId="1338" r:id="rId317" name="Check Box 314">
              <controlPr defaultSize="0" autoFill="0" autoLine="0" autoPict="0">
                <anchor moveWithCells="1">
                  <from>
                    <xdr:col>29</xdr:col>
                    <xdr:colOff>152400</xdr:colOff>
                    <xdr:row>64</xdr:row>
                    <xdr:rowOff>161925</xdr:rowOff>
                  </from>
                  <to>
                    <xdr:col>31</xdr:col>
                    <xdr:colOff>95250</xdr:colOff>
                    <xdr:row>66</xdr:row>
                    <xdr:rowOff>47625</xdr:rowOff>
                  </to>
                </anchor>
              </controlPr>
            </control>
          </mc:Choice>
        </mc:AlternateContent>
        <mc:AlternateContent xmlns:mc="http://schemas.openxmlformats.org/markup-compatibility/2006">
          <mc:Choice Requires="x14">
            <control shapeId="1339" r:id="rId318" name="Check Box 315">
              <controlPr defaultSize="0" autoFill="0" autoLine="0" autoPict="0">
                <anchor moveWithCells="1">
                  <from>
                    <xdr:col>55</xdr:col>
                    <xdr:colOff>161925</xdr:colOff>
                    <xdr:row>64</xdr:row>
                    <xdr:rowOff>152400</xdr:rowOff>
                  </from>
                  <to>
                    <xdr:col>57</xdr:col>
                    <xdr:colOff>104775</xdr:colOff>
                    <xdr:row>66</xdr:row>
                    <xdr:rowOff>19050</xdr:rowOff>
                  </to>
                </anchor>
              </controlPr>
            </control>
          </mc:Choice>
        </mc:AlternateContent>
        <mc:AlternateContent xmlns:mc="http://schemas.openxmlformats.org/markup-compatibility/2006">
          <mc:Choice Requires="x14">
            <control shapeId="1340" r:id="rId319" name="Check Box 316">
              <controlPr defaultSize="0" autoFill="0" autoLine="0" autoPict="0">
                <anchor moveWithCells="1">
                  <from>
                    <xdr:col>23</xdr:col>
                    <xdr:colOff>152400</xdr:colOff>
                    <xdr:row>69</xdr:row>
                    <xdr:rowOff>161925</xdr:rowOff>
                  </from>
                  <to>
                    <xdr:col>25</xdr:col>
                    <xdr:colOff>95250</xdr:colOff>
                    <xdr:row>71</xdr:row>
                    <xdr:rowOff>47625</xdr:rowOff>
                  </to>
                </anchor>
              </controlPr>
            </control>
          </mc:Choice>
        </mc:AlternateContent>
        <mc:AlternateContent xmlns:mc="http://schemas.openxmlformats.org/markup-compatibility/2006">
          <mc:Choice Requires="x14">
            <control shapeId="1341" r:id="rId320" name="Check Box 317">
              <controlPr defaultSize="0" autoFill="0" autoLine="0" autoPict="0">
                <anchor moveWithCells="1">
                  <from>
                    <xdr:col>29</xdr:col>
                    <xdr:colOff>152400</xdr:colOff>
                    <xdr:row>69</xdr:row>
                    <xdr:rowOff>161925</xdr:rowOff>
                  </from>
                  <to>
                    <xdr:col>31</xdr:col>
                    <xdr:colOff>95250</xdr:colOff>
                    <xdr:row>71</xdr:row>
                    <xdr:rowOff>47625</xdr:rowOff>
                  </to>
                </anchor>
              </controlPr>
            </control>
          </mc:Choice>
        </mc:AlternateContent>
        <mc:AlternateContent xmlns:mc="http://schemas.openxmlformats.org/markup-compatibility/2006">
          <mc:Choice Requires="x14">
            <control shapeId="1342" r:id="rId321" name="Check Box 318">
              <controlPr defaultSize="0" autoFill="0" autoLine="0" autoPict="0">
                <anchor moveWithCells="1">
                  <from>
                    <xdr:col>55</xdr:col>
                    <xdr:colOff>152400</xdr:colOff>
                    <xdr:row>69</xdr:row>
                    <xdr:rowOff>142875</xdr:rowOff>
                  </from>
                  <to>
                    <xdr:col>57</xdr:col>
                    <xdr:colOff>95250</xdr:colOff>
                    <xdr:row>71</xdr:row>
                    <xdr:rowOff>28575</xdr:rowOff>
                  </to>
                </anchor>
              </controlPr>
            </control>
          </mc:Choice>
        </mc:AlternateContent>
        <mc:AlternateContent xmlns:mc="http://schemas.openxmlformats.org/markup-compatibility/2006">
          <mc:Choice Requires="x14">
            <control shapeId="1343" r:id="rId322" name="Check Box 319">
              <controlPr defaultSize="0" autoFill="0" autoLine="0" autoPict="0">
                <anchor moveWithCells="1">
                  <from>
                    <xdr:col>6</xdr:col>
                    <xdr:colOff>161925</xdr:colOff>
                    <xdr:row>68</xdr:row>
                    <xdr:rowOff>152400</xdr:rowOff>
                  </from>
                  <to>
                    <xdr:col>8</xdr:col>
                    <xdr:colOff>104775</xdr:colOff>
                    <xdr:row>70</xdr:row>
                    <xdr:rowOff>38100</xdr:rowOff>
                  </to>
                </anchor>
              </controlPr>
            </control>
          </mc:Choice>
        </mc:AlternateContent>
        <mc:AlternateContent xmlns:mc="http://schemas.openxmlformats.org/markup-compatibility/2006">
          <mc:Choice Requires="x14">
            <control shapeId="1344" r:id="rId323" name="Check Box 320">
              <controlPr defaultSize="0" autoFill="0" autoLine="0" autoPict="0">
                <anchor moveWithCells="1">
                  <from>
                    <xdr:col>22</xdr:col>
                    <xdr:colOff>161925</xdr:colOff>
                    <xdr:row>65</xdr:row>
                    <xdr:rowOff>152400</xdr:rowOff>
                  </from>
                  <to>
                    <xdr:col>24</xdr:col>
                    <xdr:colOff>104775</xdr:colOff>
                    <xdr:row>67</xdr:row>
                    <xdr:rowOff>19050</xdr:rowOff>
                  </to>
                </anchor>
              </controlPr>
            </control>
          </mc:Choice>
        </mc:AlternateContent>
        <mc:AlternateContent xmlns:mc="http://schemas.openxmlformats.org/markup-compatibility/2006">
          <mc:Choice Requires="x14">
            <control shapeId="1345" r:id="rId324" name="Check Box 321">
              <controlPr defaultSize="0" autoFill="0" autoLine="0" autoPict="0">
                <anchor moveWithCells="1">
                  <from>
                    <xdr:col>22</xdr:col>
                    <xdr:colOff>161925</xdr:colOff>
                    <xdr:row>66</xdr:row>
                    <xdr:rowOff>133350</xdr:rowOff>
                  </from>
                  <to>
                    <xdr:col>24</xdr:col>
                    <xdr:colOff>104775</xdr:colOff>
                    <xdr:row>68</xdr:row>
                    <xdr:rowOff>19050</xdr:rowOff>
                  </to>
                </anchor>
              </controlPr>
            </control>
          </mc:Choice>
        </mc:AlternateContent>
        <mc:AlternateContent xmlns:mc="http://schemas.openxmlformats.org/markup-compatibility/2006">
          <mc:Choice Requires="x14">
            <control shapeId="1346" r:id="rId325" name="Check Box 322">
              <controlPr defaultSize="0" autoFill="0" autoLine="0" autoPict="0">
                <anchor moveWithCells="1">
                  <from>
                    <xdr:col>22</xdr:col>
                    <xdr:colOff>171450</xdr:colOff>
                    <xdr:row>67</xdr:row>
                    <xdr:rowOff>133350</xdr:rowOff>
                  </from>
                  <to>
                    <xdr:col>24</xdr:col>
                    <xdr:colOff>114300</xdr:colOff>
                    <xdr:row>69</xdr:row>
                    <xdr:rowOff>19050</xdr:rowOff>
                  </to>
                </anchor>
              </controlPr>
            </control>
          </mc:Choice>
        </mc:AlternateContent>
        <mc:AlternateContent xmlns:mc="http://schemas.openxmlformats.org/markup-compatibility/2006">
          <mc:Choice Requires="x14">
            <control shapeId="1347" r:id="rId326" name="Check Box 323">
              <controlPr defaultSize="0" autoFill="0" autoLine="0" autoPict="0">
                <anchor moveWithCells="1">
                  <from>
                    <xdr:col>22</xdr:col>
                    <xdr:colOff>161925</xdr:colOff>
                    <xdr:row>68</xdr:row>
                    <xdr:rowOff>142875</xdr:rowOff>
                  </from>
                  <to>
                    <xdr:col>24</xdr:col>
                    <xdr:colOff>104775</xdr:colOff>
                    <xdr:row>70</xdr:row>
                    <xdr:rowOff>28575</xdr:rowOff>
                  </to>
                </anchor>
              </controlPr>
            </control>
          </mc:Choice>
        </mc:AlternateContent>
        <mc:AlternateContent xmlns:mc="http://schemas.openxmlformats.org/markup-compatibility/2006">
          <mc:Choice Requires="x14">
            <control shapeId="1348" r:id="rId327" name="Check Box 324">
              <controlPr defaultSize="0" autoFill="0" autoLine="0" autoPict="0">
                <anchor moveWithCells="1">
                  <from>
                    <xdr:col>22</xdr:col>
                    <xdr:colOff>152400</xdr:colOff>
                    <xdr:row>70</xdr:row>
                    <xdr:rowOff>142875</xdr:rowOff>
                  </from>
                  <to>
                    <xdr:col>24</xdr:col>
                    <xdr:colOff>95250</xdr:colOff>
                    <xdr:row>72</xdr:row>
                    <xdr:rowOff>28575</xdr:rowOff>
                  </to>
                </anchor>
              </controlPr>
            </control>
          </mc:Choice>
        </mc:AlternateContent>
        <mc:AlternateContent xmlns:mc="http://schemas.openxmlformats.org/markup-compatibility/2006">
          <mc:Choice Requires="x14">
            <control shapeId="1349" r:id="rId328" name="Check Box 325">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1350" r:id="rId329" name="Check Box 326">
              <controlPr defaultSize="0" autoFill="0" autoLine="0" autoPict="0">
                <anchor moveWithCells="1">
                  <from>
                    <xdr:col>6</xdr:col>
                    <xdr:colOff>161925</xdr:colOff>
                    <xdr:row>80</xdr:row>
                    <xdr:rowOff>9525</xdr:rowOff>
                  </from>
                  <to>
                    <xdr:col>8</xdr:col>
                    <xdr:colOff>104775</xdr:colOff>
                    <xdr:row>81</xdr:row>
                    <xdr:rowOff>47625</xdr:rowOff>
                  </to>
                </anchor>
              </controlPr>
            </control>
          </mc:Choice>
        </mc:AlternateContent>
        <mc:AlternateContent xmlns:mc="http://schemas.openxmlformats.org/markup-compatibility/2006">
          <mc:Choice Requires="x14">
            <control shapeId="1351" r:id="rId330" name="Check Box 327">
              <controlPr defaultSize="0" autoFill="0" autoLine="0" autoPict="0">
                <anchor moveWithCells="1">
                  <from>
                    <xdr:col>6</xdr:col>
                    <xdr:colOff>161925</xdr:colOff>
                    <xdr:row>83</xdr:row>
                    <xdr:rowOff>133350</xdr:rowOff>
                  </from>
                  <to>
                    <xdr:col>8</xdr:col>
                    <xdr:colOff>104775</xdr:colOff>
                    <xdr:row>85</xdr:row>
                    <xdr:rowOff>47625</xdr:rowOff>
                  </to>
                </anchor>
              </controlPr>
            </control>
          </mc:Choice>
        </mc:AlternateContent>
        <mc:AlternateContent xmlns:mc="http://schemas.openxmlformats.org/markup-compatibility/2006">
          <mc:Choice Requires="x14">
            <control shapeId="1352" r:id="rId331" name="Check Box 328">
              <controlPr defaultSize="0" autoFill="0" autoLine="0" autoPict="0">
                <anchor moveWithCells="1">
                  <from>
                    <xdr:col>6</xdr:col>
                    <xdr:colOff>161925</xdr:colOff>
                    <xdr:row>84</xdr:row>
                    <xdr:rowOff>161925</xdr:rowOff>
                  </from>
                  <to>
                    <xdr:col>8</xdr:col>
                    <xdr:colOff>104775</xdr:colOff>
                    <xdr:row>86</xdr:row>
                    <xdr:rowOff>28575</xdr:rowOff>
                  </to>
                </anchor>
              </controlPr>
            </control>
          </mc:Choice>
        </mc:AlternateContent>
        <mc:AlternateContent xmlns:mc="http://schemas.openxmlformats.org/markup-compatibility/2006">
          <mc:Choice Requires="x14">
            <control shapeId="1353" r:id="rId332" name="Check Box 329">
              <controlPr defaultSize="0" autoFill="0" autoLine="0" autoPict="0">
                <anchor moveWithCells="1">
                  <from>
                    <xdr:col>55</xdr:col>
                    <xdr:colOff>161925</xdr:colOff>
                    <xdr:row>80</xdr:row>
                    <xdr:rowOff>161925</xdr:rowOff>
                  </from>
                  <to>
                    <xdr:col>57</xdr:col>
                    <xdr:colOff>104775</xdr:colOff>
                    <xdr:row>82</xdr:row>
                    <xdr:rowOff>28575</xdr:rowOff>
                  </to>
                </anchor>
              </controlPr>
            </control>
          </mc:Choice>
        </mc:AlternateContent>
        <mc:AlternateContent xmlns:mc="http://schemas.openxmlformats.org/markup-compatibility/2006">
          <mc:Choice Requires="x14">
            <control shapeId="1354" r:id="rId333" name="Check Box 330">
              <controlPr defaultSize="0" autoFill="0" autoLine="0" autoPict="0">
                <anchor moveWithCells="1">
                  <from>
                    <xdr:col>22</xdr:col>
                    <xdr:colOff>161925</xdr:colOff>
                    <xdr:row>80</xdr:row>
                    <xdr:rowOff>0</xdr:rowOff>
                  </from>
                  <to>
                    <xdr:col>24</xdr:col>
                    <xdr:colOff>104775</xdr:colOff>
                    <xdr:row>81</xdr:row>
                    <xdr:rowOff>38100</xdr:rowOff>
                  </to>
                </anchor>
              </controlPr>
            </control>
          </mc:Choice>
        </mc:AlternateContent>
        <mc:AlternateContent xmlns:mc="http://schemas.openxmlformats.org/markup-compatibility/2006">
          <mc:Choice Requires="x14">
            <control shapeId="1355" r:id="rId334" name="Check Box 331">
              <controlPr defaultSize="0" autoFill="0" autoLine="0" autoPict="0">
                <anchor moveWithCells="1">
                  <from>
                    <xdr:col>55</xdr:col>
                    <xdr:colOff>152400</xdr:colOff>
                    <xdr:row>56</xdr:row>
                    <xdr:rowOff>152400</xdr:rowOff>
                  </from>
                  <to>
                    <xdr:col>57</xdr:col>
                    <xdr:colOff>95250</xdr:colOff>
                    <xdr:row>58</xdr:row>
                    <xdr:rowOff>38100</xdr:rowOff>
                  </to>
                </anchor>
              </controlPr>
            </control>
          </mc:Choice>
        </mc:AlternateContent>
        <mc:AlternateContent xmlns:mc="http://schemas.openxmlformats.org/markup-compatibility/2006">
          <mc:Choice Requires="x14">
            <control shapeId="1356" r:id="rId335" name="Check Box 332">
              <controlPr defaultSize="0" autoFill="0" autoLine="0" autoPict="0">
                <anchor moveWithCells="1">
                  <from>
                    <xdr:col>55</xdr:col>
                    <xdr:colOff>161925</xdr:colOff>
                    <xdr:row>43</xdr:row>
                    <xdr:rowOff>171450</xdr:rowOff>
                  </from>
                  <to>
                    <xdr:col>57</xdr:col>
                    <xdr:colOff>104775</xdr:colOff>
                    <xdr:row>45</xdr:row>
                    <xdr:rowOff>38100</xdr:rowOff>
                  </to>
                </anchor>
              </controlPr>
            </control>
          </mc:Choice>
        </mc:AlternateContent>
        <mc:AlternateContent xmlns:mc="http://schemas.openxmlformats.org/markup-compatibility/2006">
          <mc:Choice Requires="x14">
            <control shapeId="1357" r:id="rId336" name="Check Box 333">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1358" r:id="rId337" name="Check Box 334">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1359" r:id="rId338" name="Check Box 335">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1360" r:id="rId339" name="Check Box 336">
              <controlPr defaultSize="0" autoFill="0" autoLine="0" autoPict="0">
                <anchor moveWithCells="1">
                  <from>
                    <xdr:col>23</xdr:col>
                    <xdr:colOff>171450</xdr:colOff>
                    <xdr:row>80</xdr:row>
                    <xdr:rowOff>133350</xdr:rowOff>
                  </from>
                  <to>
                    <xdr:col>25</xdr:col>
                    <xdr:colOff>114300</xdr:colOff>
                    <xdr:row>82</xdr:row>
                    <xdr:rowOff>28575</xdr:rowOff>
                  </to>
                </anchor>
              </controlPr>
            </control>
          </mc:Choice>
        </mc:AlternateContent>
        <mc:AlternateContent xmlns:mc="http://schemas.openxmlformats.org/markup-compatibility/2006">
          <mc:Choice Requires="x14">
            <control shapeId="1361" r:id="rId340" name="Check Box 337">
              <controlPr defaultSize="0" autoFill="0" autoLine="0" autoPict="0">
                <anchor moveWithCells="1">
                  <from>
                    <xdr:col>28</xdr:col>
                    <xdr:colOff>171450</xdr:colOff>
                    <xdr:row>80</xdr:row>
                    <xdr:rowOff>142875</xdr:rowOff>
                  </from>
                  <to>
                    <xdr:col>30</xdr:col>
                    <xdr:colOff>114300</xdr:colOff>
                    <xdr:row>82</xdr:row>
                    <xdr:rowOff>38100</xdr:rowOff>
                  </to>
                </anchor>
              </controlPr>
            </control>
          </mc:Choice>
        </mc:AlternateContent>
        <mc:AlternateContent xmlns:mc="http://schemas.openxmlformats.org/markup-compatibility/2006">
          <mc:Choice Requires="x14">
            <control shapeId="1362" r:id="rId341" name="Check Box 338">
              <controlPr defaultSize="0" autoFill="0" autoLine="0" autoPict="0">
                <anchor moveWithCells="1">
                  <from>
                    <xdr:col>22</xdr:col>
                    <xdr:colOff>152400</xdr:colOff>
                    <xdr:row>81</xdr:row>
                    <xdr:rowOff>142875</xdr:rowOff>
                  </from>
                  <to>
                    <xdr:col>24</xdr:col>
                    <xdr:colOff>95250</xdr:colOff>
                    <xdr:row>83</xdr:row>
                    <xdr:rowOff>38100</xdr:rowOff>
                  </to>
                </anchor>
              </controlPr>
            </control>
          </mc:Choice>
        </mc:AlternateContent>
        <mc:AlternateContent xmlns:mc="http://schemas.openxmlformats.org/markup-compatibility/2006">
          <mc:Choice Requires="x14">
            <control shapeId="1363" r:id="rId342" name="Check Box 339">
              <controlPr defaultSize="0" autoFill="0" autoLine="0" autoPict="0">
                <anchor moveWithCells="1">
                  <from>
                    <xdr:col>28</xdr:col>
                    <xdr:colOff>161925</xdr:colOff>
                    <xdr:row>82</xdr:row>
                    <xdr:rowOff>133350</xdr:rowOff>
                  </from>
                  <to>
                    <xdr:col>30</xdr:col>
                    <xdr:colOff>104775</xdr:colOff>
                    <xdr:row>84</xdr:row>
                    <xdr:rowOff>28575</xdr:rowOff>
                  </to>
                </anchor>
              </controlPr>
            </control>
          </mc:Choice>
        </mc:AlternateContent>
        <mc:AlternateContent xmlns:mc="http://schemas.openxmlformats.org/markup-compatibility/2006">
          <mc:Choice Requires="x14">
            <control shapeId="1364" r:id="rId343" name="Check Box 340">
              <controlPr defaultSize="0" autoFill="0" autoLine="0" autoPict="0">
                <anchor moveWithCells="1">
                  <from>
                    <xdr:col>23</xdr:col>
                    <xdr:colOff>152400</xdr:colOff>
                    <xdr:row>82</xdr:row>
                    <xdr:rowOff>133350</xdr:rowOff>
                  </from>
                  <to>
                    <xdr:col>25</xdr:col>
                    <xdr:colOff>95250</xdr:colOff>
                    <xdr:row>84</xdr:row>
                    <xdr:rowOff>28575</xdr:rowOff>
                  </to>
                </anchor>
              </controlPr>
            </control>
          </mc:Choice>
        </mc:AlternateContent>
        <mc:AlternateContent xmlns:mc="http://schemas.openxmlformats.org/markup-compatibility/2006">
          <mc:Choice Requires="x14">
            <control shapeId="1365" r:id="rId344" name="Check Box 341">
              <controlPr defaultSize="0" autoFill="0" autoLine="0" autoPict="0">
                <anchor moveWithCells="1">
                  <from>
                    <xdr:col>22</xdr:col>
                    <xdr:colOff>152400</xdr:colOff>
                    <xdr:row>84</xdr:row>
                    <xdr:rowOff>133350</xdr:rowOff>
                  </from>
                  <to>
                    <xdr:col>24</xdr:col>
                    <xdr:colOff>95250</xdr:colOff>
                    <xdr:row>86</xdr:row>
                    <xdr:rowOff>28575</xdr:rowOff>
                  </to>
                </anchor>
              </controlPr>
            </control>
          </mc:Choice>
        </mc:AlternateContent>
        <mc:AlternateContent xmlns:mc="http://schemas.openxmlformats.org/markup-compatibility/2006">
          <mc:Choice Requires="x14">
            <control shapeId="1366" r:id="rId345" name="Check Box 342">
              <controlPr defaultSize="0" autoFill="0" autoLine="0" autoPict="0">
                <anchor moveWithCells="1">
                  <from>
                    <xdr:col>27</xdr:col>
                    <xdr:colOff>142875</xdr:colOff>
                    <xdr:row>85</xdr:row>
                    <xdr:rowOff>142875</xdr:rowOff>
                  </from>
                  <to>
                    <xdr:col>29</xdr:col>
                    <xdr:colOff>85725</xdr:colOff>
                    <xdr:row>87</xdr:row>
                    <xdr:rowOff>38100</xdr:rowOff>
                  </to>
                </anchor>
              </controlPr>
            </control>
          </mc:Choice>
        </mc:AlternateContent>
        <mc:AlternateContent xmlns:mc="http://schemas.openxmlformats.org/markup-compatibility/2006">
          <mc:Choice Requires="x14">
            <control shapeId="1367" r:id="rId346" name="Check Box 343">
              <controlPr defaultSize="0" autoFill="0" autoLine="0" autoPict="0">
                <anchor moveWithCells="1">
                  <from>
                    <xdr:col>23</xdr:col>
                    <xdr:colOff>152400</xdr:colOff>
                    <xdr:row>85</xdr:row>
                    <xdr:rowOff>133350</xdr:rowOff>
                  </from>
                  <to>
                    <xdr:col>25</xdr:col>
                    <xdr:colOff>95250</xdr:colOff>
                    <xdr:row>87</xdr:row>
                    <xdr:rowOff>28575</xdr:rowOff>
                  </to>
                </anchor>
              </controlPr>
            </control>
          </mc:Choice>
        </mc:AlternateContent>
        <mc:AlternateContent xmlns:mc="http://schemas.openxmlformats.org/markup-compatibility/2006">
          <mc:Choice Requires="x14">
            <control shapeId="1368" r:id="rId347" name="Check Box 344">
              <controlPr defaultSize="0" autoFill="0" autoLine="0" autoPict="0">
                <anchor moveWithCells="1">
                  <from>
                    <xdr:col>31</xdr:col>
                    <xdr:colOff>152400</xdr:colOff>
                    <xdr:row>85</xdr:row>
                    <xdr:rowOff>123825</xdr:rowOff>
                  </from>
                  <to>
                    <xdr:col>33</xdr:col>
                    <xdr:colOff>95250</xdr:colOff>
                    <xdr:row>87</xdr:row>
                    <xdr:rowOff>19050</xdr:rowOff>
                  </to>
                </anchor>
              </controlPr>
            </control>
          </mc:Choice>
        </mc:AlternateContent>
        <mc:AlternateContent xmlns:mc="http://schemas.openxmlformats.org/markup-compatibility/2006">
          <mc:Choice Requires="x14">
            <control shapeId="1369" r:id="rId348" name="Check Box 345">
              <controlPr defaultSize="0" autoFill="0" autoLine="0" autoPict="0">
                <anchor moveWithCells="1">
                  <from>
                    <xdr:col>35</xdr:col>
                    <xdr:colOff>161925</xdr:colOff>
                    <xdr:row>85</xdr:row>
                    <xdr:rowOff>133350</xdr:rowOff>
                  </from>
                  <to>
                    <xdr:col>37</xdr:col>
                    <xdr:colOff>104775</xdr:colOff>
                    <xdr:row>87</xdr:row>
                    <xdr:rowOff>28575</xdr:rowOff>
                  </to>
                </anchor>
              </controlPr>
            </control>
          </mc:Choice>
        </mc:AlternateContent>
        <mc:AlternateContent xmlns:mc="http://schemas.openxmlformats.org/markup-compatibility/2006">
          <mc:Choice Requires="x14">
            <control shapeId="1370" r:id="rId349" name="Check Box 346">
              <controlPr defaultSize="0" autoFill="0" autoLine="0" autoPict="0">
                <anchor moveWithCells="1">
                  <from>
                    <xdr:col>39</xdr:col>
                    <xdr:colOff>152400</xdr:colOff>
                    <xdr:row>85</xdr:row>
                    <xdr:rowOff>133350</xdr:rowOff>
                  </from>
                  <to>
                    <xdr:col>41</xdr:col>
                    <xdr:colOff>95250</xdr:colOff>
                    <xdr:row>87</xdr:row>
                    <xdr:rowOff>28575</xdr:rowOff>
                  </to>
                </anchor>
              </controlPr>
            </control>
          </mc:Choice>
        </mc:AlternateContent>
        <mc:AlternateContent xmlns:mc="http://schemas.openxmlformats.org/markup-compatibility/2006">
          <mc:Choice Requires="x14">
            <control shapeId="1371" r:id="rId350" name="Check Box 347">
              <controlPr defaultSize="0" autoFill="0" autoLine="0" autoPict="0">
                <anchor moveWithCells="1">
                  <from>
                    <xdr:col>22</xdr:col>
                    <xdr:colOff>161925</xdr:colOff>
                    <xdr:row>86</xdr:row>
                    <xdr:rowOff>142875</xdr:rowOff>
                  </from>
                  <to>
                    <xdr:col>24</xdr:col>
                    <xdr:colOff>104775</xdr:colOff>
                    <xdr:row>88</xdr:row>
                    <xdr:rowOff>9525</xdr:rowOff>
                  </to>
                </anchor>
              </controlPr>
            </control>
          </mc:Choice>
        </mc:AlternateContent>
        <mc:AlternateContent xmlns:mc="http://schemas.openxmlformats.org/markup-compatibility/2006">
          <mc:Choice Requires="x14">
            <control shapeId="1372" r:id="rId351" name="Check Box 348">
              <controlPr defaultSize="0" autoFill="0" autoLine="0" autoPict="0">
                <anchor moveWithCells="1">
                  <from>
                    <xdr:col>23</xdr:col>
                    <xdr:colOff>152400</xdr:colOff>
                    <xdr:row>87</xdr:row>
                    <xdr:rowOff>133350</xdr:rowOff>
                  </from>
                  <to>
                    <xdr:col>25</xdr:col>
                    <xdr:colOff>95250</xdr:colOff>
                    <xdr:row>89</xdr:row>
                    <xdr:rowOff>28575</xdr:rowOff>
                  </to>
                </anchor>
              </controlPr>
            </control>
          </mc:Choice>
        </mc:AlternateContent>
        <mc:AlternateContent xmlns:mc="http://schemas.openxmlformats.org/markup-compatibility/2006">
          <mc:Choice Requires="x14">
            <control shapeId="1373" r:id="rId352" name="Check Box 349">
              <controlPr defaultSize="0" autoFill="0" autoLine="0" autoPict="0">
                <anchor moveWithCells="1">
                  <from>
                    <xdr:col>23</xdr:col>
                    <xdr:colOff>152400</xdr:colOff>
                    <xdr:row>88</xdr:row>
                    <xdr:rowOff>123825</xdr:rowOff>
                  </from>
                  <to>
                    <xdr:col>25</xdr:col>
                    <xdr:colOff>95250</xdr:colOff>
                    <xdr:row>90</xdr:row>
                    <xdr:rowOff>19050</xdr:rowOff>
                  </to>
                </anchor>
              </controlPr>
            </control>
          </mc:Choice>
        </mc:AlternateContent>
        <mc:AlternateContent xmlns:mc="http://schemas.openxmlformats.org/markup-compatibility/2006">
          <mc:Choice Requires="x14">
            <control shapeId="1374" r:id="rId353" name="Check Box 350">
              <controlPr defaultSize="0" autoFill="0" autoLine="0" autoPict="0">
                <anchor moveWithCells="1">
                  <from>
                    <xdr:col>37</xdr:col>
                    <xdr:colOff>152400</xdr:colOff>
                    <xdr:row>87</xdr:row>
                    <xdr:rowOff>142875</xdr:rowOff>
                  </from>
                  <to>
                    <xdr:col>39</xdr:col>
                    <xdr:colOff>95250</xdr:colOff>
                    <xdr:row>89</xdr:row>
                    <xdr:rowOff>38100</xdr:rowOff>
                  </to>
                </anchor>
              </controlPr>
            </control>
          </mc:Choice>
        </mc:AlternateContent>
        <mc:AlternateContent xmlns:mc="http://schemas.openxmlformats.org/markup-compatibility/2006">
          <mc:Choice Requires="x14">
            <control shapeId="1375" r:id="rId354" name="Check Box 351">
              <controlPr defaultSize="0" autoFill="0" autoLine="0" autoPict="0">
                <anchor moveWithCells="1">
                  <from>
                    <xdr:col>55</xdr:col>
                    <xdr:colOff>152400</xdr:colOff>
                    <xdr:row>87</xdr:row>
                    <xdr:rowOff>161925</xdr:rowOff>
                  </from>
                  <to>
                    <xdr:col>57</xdr:col>
                    <xdr:colOff>95250</xdr:colOff>
                    <xdr:row>89</xdr:row>
                    <xdr:rowOff>28575</xdr:rowOff>
                  </to>
                </anchor>
              </controlPr>
            </control>
          </mc:Choice>
        </mc:AlternateContent>
        <mc:AlternateContent xmlns:mc="http://schemas.openxmlformats.org/markup-compatibility/2006">
          <mc:Choice Requires="x14">
            <control shapeId="1376" r:id="rId355" name="Check Box 352">
              <controlPr defaultSize="0" autoFill="0" autoLine="0" autoPict="0">
                <anchor moveWithCells="1">
                  <from>
                    <xdr:col>55</xdr:col>
                    <xdr:colOff>161925</xdr:colOff>
                    <xdr:row>88</xdr:row>
                    <xdr:rowOff>152400</xdr:rowOff>
                  </from>
                  <to>
                    <xdr:col>57</xdr:col>
                    <xdr:colOff>104775</xdr:colOff>
                    <xdr:row>90</xdr:row>
                    <xdr:rowOff>19050</xdr:rowOff>
                  </to>
                </anchor>
              </controlPr>
            </control>
          </mc:Choice>
        </mc:AlternateContent>
        <mc:AlternateContent xmlns:mc="http://schemas.openxmlformats.org/markup-compatibility/2006">
          <mc:Choice Requires="x14">
            <control shapeId="1377" r:id="rId356" name="Check Box 353">
              <controlPr defaultSize="0" autoFill="0" autoLine="0" autoPict="0">
                <anchor moveWithCells="1">
                  <from>
                    <xdr:col>55</xdr:col>
                    <xdr:colOff>161925</xdr:colOff>
                    <xdr:row>90</xdr:row>
                    <xdr:rowOff>142875</xdr:rowOff>
                  </from>
                  <to>
                    <xdr:col>57</xdr:col>
                    <xdr:colOff>104775</xdr:colOff>
                    <xdr:row>92</xdr:row>
                    <xdr:rowOff>38100</xdr:rowOff>
                  </to>
                </anchor>
              </controlPr>
            </control>
          </mc:Choice>
        </mc:AlternateContent>
        <mc:AlternateContent xmlns:mc="http://schemas.openxmlformats.org/markup-compatibility/2006">
          <mc:Choice Requires="x14">
            <control shapeId="1378" r:id="rId357" name="Check Box 354">
              <controlPr defaultSize="0" autoFill="0" autoLine="0" autoPict="0">
                <anchor moveWithCells="1">
                  <from>
                    <xdr:col>22</xdr:col>
                    <xdr:colOff>152400</xdr:colOff>
                    <xdr:row>89</xdr:row>
                    <xdr:rowOff>142875</xdr:rowOff>
                  </from>
                  <to>
                    <xdr:col>24</xdr:col>
                    <xdr:colOff>95250</xdr:colOff>
                    <xdr:row>91</xdr:row>
                    <xdr:rowOff>38100</xdr:rowOff>
                  </to>
                </anchor>
              </controlPr>
            </control>
          </mc:Choice>
        </mc:AlternateContent>
        <mc:AlternateContent xmlns:mc="http://schemas.openxmlformats.org/markup-compatibility/2006">
          <mc:Choice Requires="x14">
            <control shapeId="1379" r:id="rId358" name="Check Box 355">
              <controlPr defaultSize="0" autoFill="0" autoLine="0" autoPict="0">
                <anchor moveWithCells="1">
                  <from>
                    <xdr:col>28</xdr:col>
                    <xdr:colOff>133350</xdr:colOff>
                    <xdr:row>90</xdr:row>
                    <xdr:rowOff>142875</xdr:rowOff>
                  </from>
                  <to>
                    <xdr:col>30</xdr:col>
                    <xdr:colOff>76200</xdr:colOff>
                    <xdr:row>92</xdr:row>
                    <xdr:rowOff>38100</xdr:rowOff>
                  </to>
                </anchor>
              </controlPr>
            </control>
          </mc:Choice>
        </mc:AlternateContent>
        <mc:AlternateContent xmlns:mc="http://schemas.openxmlformats.org/markup-compatibility/2006">
          <mc:Choice Requires="x14">
            <control shapeId="1380" r:id="rId359" name="Check Box 356">
              <controlPr defaultSize="0" autoFill="0" autoLine="0" autoPict="0">
                <anchor moveWithCells="1">
                  <from>
                    <xdr:col>32</xdr:col>
                    <xdr:colOff>161925</xdr:colOff>
                    <xdr:row>90</xdr:row>
                    <xdr:rowOff>133350</xdr:rowOff>
                  </from>
                  <to>
                    <xdr:col>34</xdr:col>
                    <xdr:colOff>104775</xdr:colOff>
                    <xdr:row>92</xdr:row>
                    <xdr:rowOff>28575</xdr:rowOff>
                  </to>
                </anchor>
              </controlPr>
            </control>
          </mc:Choice>
        </mc:AlternateContent>
        <mc:AlternateContent xmlns:mc="http://schemas.openxmlformats.org/markup-compatibility/2006">
          <mc:Choice Requires="x14">
            <control shapeId="1381" r:id="rId360" name="Check Box 357">
              <controlPr defaultSize="0" autoFill="0" autoLine="0" autoPict="0">
                <anchor moveWithCells="1">
                  <from>
                    <xdr:col>37</xdr:col>
                    <xdr:colOff>171450</xdr:colOff>
                    <xdr:row>90</xdr:row>
                    <xdr:rowOff>161925</xdr:rowOff>
                  </from>
                  <to>
                    <xdr:col>39</xdr:col>
                    <xdr:colOff>114300</xdr:colOff>
                    <xdr:row>92</xdr:row>
                    <xdr:rowOff>28575</xdr:rowOff>
                  </to>
                </anchor>
              </controlPr>
            </control>
          </mc:Choice>
        </mc:AlternateContent>
        <mc:AlternateContent xmlns:mc="http://schemas.openxmlformats.org/markup-compatibility/2006">
          <mc:Choice Requires="x14">
            <control shapeId="1382" r:id="rId361" name="Check Box 358">
              <controlPr defaultSize="0" autoFill="0" autoLine="0" autoPict="0">
                <anchor moveWithCells="1">
                  <from>
                    <xdr:col>42</xdr:col>
                    <xdr:colOff>161925</xdr:colOff>
                    <xdr:row>90</xdr:row>
                    <xdr:rowOff>142875</xdr:rowOff>
                  </from>
                  <to>
                    <xdr:col>44</xdr:col>
                    <xdr:colOff>104775</xdr:colOff>
                    <xdr:row>92</xdr:row>
                    <xdr:rowOff>38100</xdr:rowOff>
                  </to>
                </anchor>
              </controlPr>
            </control>
          </mc:Choice>
        </mc:AlternateContent>
        <mc:AlternateContent xmlns:mc="http://schemas.openxmlformats.org/markup-compatibility/2006">
          <mc:Choice Requires="x14">
            <control shapeId="1383" r:id="rId362" name="Check Box 359">
              <controlPr defaultSize="0" autoFill="0" autoLine="0" autoPict="0">
                <anchor moveWithCells="1">
                  <from>
                    <xdr:col>23</xdr:col>
                    <xdr:colOff>161925</xdr:colOff>
                    <xdr:row>90</xdr:row>
                    <xdr:rowOff>142875</xdr:rowOff>
                  </from>
                  <to>
                    <xdr:col>25</xdr:col>
                    <xdr:colOff>104775</xdr:colOff>
                    <xdr:row>92</xdr:row>
                    <xdr:rowOff>38100</xdr:rowOff>
                  </to>
                </anchor>
              </controlPr>
            </control>
          </mc:Choice>
        </mc:AlternateContent>
        <mc:AlternateContent xmlns:mc="http://schemas.openxmlformats.org/markup-compatibility/2006">
          <mc:Choice Requires="x14">
            <control shapeId="1384" r:id="rId363" name="Check Box 360">
              <controlPr defaultSize="0" autoFill="0" autoLine="0" autoPict="0">
                <anchor moveWithCells="1">
                  <from>
                    <xdr:col>22</xdr:col>
                    <xdr:colOff>161925</xdr:colOff>
                    <xdr:row>91</xdr:row>
                    <xdr:rowOff>133350</xdr:rowOff>
                  </from>
                  <to>
                    <xdr:col>24</xdr:col>
                    <xdr:colOff>104775</xdr:colOff>
                    <xdr:row>93</xdr:row>
                    <xdr:rowOff>28575</xdr:rowOff>
                  </to>
                </anchor>
              </controlPr>
            </control>
          </mc:Choice>
        </mc:AlternateContent>
        <mc:AlternateContent xmlns:mc="http://schemas.openxmlformats.org/markup-compatibility/2006">
          <mc:Choice Requires="x14">
            <control shapeId="1385" r:id="rId364" name="Check Box 361">
              <controlPr defaultSize="0" autoFill="0" autoLine="0" autoPict="0">
                <anchor moveWithCells="1">
                  <from>
                    <xdr:col>6</xdr:col>
                    <xdr:colOff>161925</xdr:colOff>
                    <xdr:row>91</xdr:row>
                    <xdr:rowOff>142875</xdr:rowOff>
                  </from>
                  <to>
                    <xdr:col>8</xdr:col>
                    <xdr:colOff>104775</xdr:colOff>
                    <xdr:row>93</xdr:row>
                    <xdr:rowOff>38100</xdr:rowOff>
                  </to>
                </anchor>
              </controlPr>
            </control>
          </mc:Choice>
        </mc:AlternateContent>
        <mc:AlternateContent xmlns:mc="http://schemas.openxmlformats.org/markup-compatibility/2006">
          <mc:Choice Requires="x14">
            <control shapeId="1386" r:id="rId365" name="Check Box 362">
              <controlPr defaultSize="0" autoFill="0" autoLine="0" autoPict="0">
                <anchor moveWithCells="1">
                  <from>
                    <xdr:col>22</xdr:col>
                    <xdr:colOff>161925</xdr:colOff>
                    <xdr:row>92</xdr:row>
                    <xdr:rowOff>142875</xdr:rowOff>
                  </from>
                  <to>
                    <xdr:col>24</xdr:col>
                    <xdr:colOff>104775</xdr:colOff>
                    <xdr:row>94</xdr:row>
                    <xdr:rowOff>38100</xdr:rowOff>
                  </to>
                </anchor>
              </controlPr>
            </control>
          </mc:Choice>
        </mc:AlternateContent>
        <mc:AlternateContent xmlns:mc="http://schemas.openxmlformats.org/markup-compatibility/2006">
          <mc:Choice Requires="x14">
            <control shapeId="1387" r:id="rId366" name="Check Box 363">
              <controlPr defaultSize="0" autoFill="0" autoLine="0" autoPict="0">
                <anchor moveWithCells="1">
                  <from>
                    <xdr:col>6</xdr:col>
                    <xdr:colOff>161925</xdr:colOff>
                    <xdr:row>99</xdr:row>
                    <xdr:rowOff>142875</xdr:rowOff>
                  </from>
                  <to>
                    <xdr:col>8</xdr:col>
                    <xdr:colOff>104775</xdr:colOff>
                    <xdr:row>101</xdr:row>
                    <xdr:rowOff>38100</xdr:rowOff>
                  </to>
                </anchor>
              </controlPr>
            </control>
          </mc:Choice>
        </mc:AlternateContent>
        <mc:AlternateContent xmlns:mc="http://schemas.openxmlformats.org/markup-compatibility/2006">
          <mc:Choice Requires="x14">
            <control shapeId="1388" r:id="rId367" name="Check Box 364">
              <controlPr defaultSize="0" autoFill="0" autoLine="0" autoPict="0">
                <anchor moveWithCells="1">
                  <from>
                    <xdr:col>22</xdr:col>
                    <xdr:colOff>152400</xdr:colOff>
                    <xdr:row>95</xdr:row>
                    <xdr:rowOff>133350</xdr:rowOff>
                  </from>
                  <to>
                    <xdr:col>24</xdr:col>
                    <xdr:colOff>95250</xdr:colOff>
                    <xdr:row>97</xdr:row>
                    <xdr:rowOff>28575</xdr:rowOff>
                  </to>
                </anchor>
              </controlPr>
            </control>
          </mc:Choice>
        </mc:AlternateContent>
        <mc:AlternateContent xmlns:mc="http://schemas.openxmlformats.org/markup-compatibility/2006">
          <mc:Choice Requires="x14">
            <control shapeId="1389" r:id="rId368" name="Check Box 365">
              <controlPr defaultSize="0" autoFill="0" autoLine="0" autoPict="0">
                <anchor moveWithCells="1">
                  <from>
                    <xdr:col>22</xdr:col>
                    <xdr:colOff>161925</xdr:colOff>
                    <xdr:row>97</xdr:row>
                    <xdr:rowOff>152400</xdr:rowOff>
                  </from>
                  <to>
                    <xdr:col>24</xdr:col>
                    <xdr:colOff>104775</xdr:colOff>
                    <xdr:row>99</xdr:row>
                    <xdr:rowOff>47625</xdr:rowOff>
                  </to>
                </anchor>
              </controlPr>
            </control>
          </mc:Choice>
        </mc:AlternateContent>
        <mc:AlternateContent xmlns:mc="http://schemas.openxmlformats.org/markup-compatibility/2006">
          <mc:Choice Requires="x14">
            <control shapeId="1390" r:id="rId369" name="Check Box 366">
              <controlPr defaultSize="0" autoFill="0" autoLine="0" autoPict="0">
                <anchor moveWithCells="1">
                  <from>
                    <xdr:col>23</xdr:col>
                    <xdr:colOff>161925</xdr:colOff>
                    <xdr:row>96</xdr:row>
                    <xdr:rowOff>152400</xdr:rowOff>
                  </from>
                  <to>
                    <xdr:col>25</xdr:col>
                    <xdr:colOff>104775</xdr:colOff>
                    <xdr:row>98</xdr:row>
                    <xdr:rowOff>19050</xdr:rowOff>
                  </to>
                </anchor>
              </controlPr>
            </control>
          </mc:Choice>
        </mc:AlternateContent>
        <mc:AlternateContent xmlns:mc="http://schemas.openxmlformats.org/markup-compatibility/2006">
          <mc:Choice Requires="x14">
            <control shapeId="1391" r:id="rId370" name="Check Box 367">
              <controlPr defaultSize="0" autoFill="0" autoLine="0" autoPict="0">
                <anchor moveWithCells="1">
                  <from>
                    <xdr:col>27</xdr:col>
                    <xdr:colOff>152400</xdr:colOff>
                    <xdr:row>96</xdr:row>
                    <xdr:rowOff>152400</xdr:rowOff>
                  </from>
                  <to>
                    <xdr:col>29</xdr:col>
                    <xdr:colOff>95250</xdr:colOff>
                    <xdr:row>98</xdr:row>
                    <xdr:rowOff>47625</xdr:rowOff>
                  </to>
                </anchor>
              </controlPr>
            </control>
          </mc:Choice>
        </mc:AlternateContent>
        <mc:AlternateContent xmlns:mc="http://schemas.openxmlformats.org/markup-compatibility/2006">
          <mc:Choice Requires="x14">
            <control shapeId="1392" r:id="rId371" name="Check Box 368">
              <controlPr defaultSize="0" autoFill="0" autoLine="0" autoPict="0">
                <anchor moveWithCells="1">
                  <from>
                    <xdr:col>31</xdr:col>
                    <xdr:colOff>152400</xdr:colOff>
                    <xdr:row>96</xdr:row>
                    <xdr:rowOff>133350</xdr:rowOff>
                  </from>
                  <to>
                    <xdr:col>33</xdr:col>
                    <xdr:colOff>95250</xdr:colOff>
                    <xdr:row>98</xdr:row>
                    <xdr:rowOff>28575</xdr:rowOff>
                  </to>
                </anchor>
              </controlPr>
            </control>
          </mc:Choice>
        </mc:AlternateContent>
        <mc:AlternateContent xmlns:mc="http://schemas.openxmlformats.org/markup-compatibility/2006">
          <mc:Choice Requires="x14">
            <control shapeId="1393" r:id="rId372" name="Check Box 369">
              <controlPr defaultSize="0" autoFill="0" autoLine="0" autoPict="0">
                <anchor moveWithCells="1">
                  <from>
                    <xdr:col>35</xdr:col>
                    <xdr:colOff>152400</xdr:colOff>
                    <xdr:row>96</xdr:row>
                    <xdr:rowOff>133350</xdr:rowOff>
                  </from>
                  <to>
                    <xdr:col>37</xdr:col>
                    <xdr:colOff>95250</xdr:colOff>
                    <xdr:row>98</xdr:row>
                    <xdr:rowOff>28575</xdr:rowOff>
                  </to>
                </anchor>
              </controlPr>
            </control>
          </mc:Choice>
        </mc:AlternateContent>
        <mc:AlternateContent xmlns:mc="http://schemas.openxmlformats.org/markup-compatibility/2006">
          <mc:Choice Requires="x14">
            <control shapeId="1394" r:id="rId373" name="Check Box 370">
              <controlPr defaultSize="0" autoFill="0" autoLine="0" autoPict="0">
                <anchor moveWithCells="1">
                  <from>
                    <xdr:col>39</xdr:col>
                    <xdr:colOff>152400</xdr:colOff>
                    <xdr:row>96</xdr:row>
                    <xdr:rowOff>133350</xdr:rowOff>
                  </from>
                  <to>
                    <xdr:col>41</xdr:col>
                    <xdr:colOff>95250</xdr:colOff>
                    <xdr:row>98</xdr:row>
                    <xdr:rowOff>28575</xdr:rowOff>
                  </to>
                </anchor>
              </controlPr>
            </control>
          </mc:Choice>
        </mc:AlternateContent>
        <mc:AlternateContent xmlns:mc="http://schemas.openxmlformats.org/markup-compatibility/2006">
          <mc:Choice Requires="x14">
            <control shapeId="1395" r:id="rId374" name="Check Box 371">
              <controlPr defaultSize="0" autoFill="0" autoLine="0" autoPict="0">
                <anchor moveWithCells="1">
                  <from>
                    <xdr:col>43</xdr:col>
                    <xdr:colOff>161925</xdr:colOff>
                    <xdr:row>96</xdr:row>
                    <xdr:rowOff>152400</xdr:rowOff>
                  </from>
                  <to>
                    <xdr:col>45</xdr:col>
                    <xdr:colOff>104775</xdr:colOff>
                    <xdr:row>98</xdr:row>
                    <xdr:rowOff>19050</xdr:rowOff>
                  </to>
                </anchor>
              </controlPr>
            </control>
          </mc:Choice>
        </mc:AlternateContent>
        <mc:AlternateContent xmlns:mc="http://schemas.openxmlformats.org/markup-compatibility/2006">
          <mc:Choice Requires="x14">
            <control shapeId="1396" r:id="rId375" name="Check Box 372">
              <controlPr defaultSize="0" autoFill="0" autoLine="0" autoPict="0">
                <anchor moveWithCells="1">
                  <from>
                    <xdr:col>47</xdr:col>
                    <xdr:colOff>171450</xdr:colOff>
                    <xdr:row>96</xdr:row>
                    <xdr:rowOff>142875</xdr:rowOff>
                  </from>
                  <to>
                    <xdr:col>49</xdr:col>
                    <xdr:colOff>114300</xdr:colOff>
                    <xdr:row>98</xdr:row>
                    <xdr:rowOff>38100</xdr:rowOff>
                  </to>
                </anchor>
              </controlPr>
            </control>
          </mc:Choice>
        </mc:AlternateContent>
        <mc:AlternateContent xmlns:mc="http://schemas.openxmlformats.org/markup-compatibility/2006">
          <mc:Choice Requires="x14">
            <control shapeId="1397" r:id="rId376" name="Check Box 373">
              <controlPr defaultSize="0" autoFill="0" autoLine="0" autoPict="0">
                <anchor moveWithCells="1">
                  <from>
                    <xdr:col>28</xdr:col>
                    <xdr:colOff>171450</xdr:colOff>
                    <xdr:row>97</xdr:row>
                    <xdr:rowOff>142875</xdr:rowOff>
                  </from>
                  <to>
                    <xdr:col>30</xdr:col>
                    <xdr:colOff>114300</xdr:colOff>
                    <xdr:row>99</xdr:row>
                    <xdr:rowOff>38100</xdr:rowOff>
                  </to>
                </anchor>
              </controlPr>
            </control>
          </mc:Choice>
        </mc:AlternateContent>
        <mc:AlternateContent xmlns:mc="http://schemas.openxmlformats.org/markup-compatibility/2006">
          <mc:Choice Requires="x14">
            <control shapeId="1398" r:id="rId377" name="Check Box 374">
              <controlPr defaultSize="0" autoFill="0" autoLine="0" autoPict="0">
                <anchor moveWithCells="1">
                  <from>
                    <xdr:col>39</xdr:col>
                    <xdr:colOff>161925</xdr:colOff>
                    <xdr:row>97</xdr:row>
                    <xdr:rowOff>152400</xdr:rowOff>
                  </from>
                  <to>
                    <xdr:col>41</xdr:col>
                    <xdr:colOff>104775</xdr:colOff>
                    <xdr:row>99</xdr:row>
                    <xdr:rowOff>47625</xdr:rowOff>
                  </to>
                </anchor>
              </controlPr>
            </control>
          </mc:Choice>
        </mc:AlternateContent>
        <mc:AlternateContent xmlns:mc="http://schemas.openxmlformats.org/markup-compatibility/2006">
          <mc:Choice Requires="x14">
            <control shapeId="1399" r:id="rId378" name="Check Box 375">
              <controlPr defaultSize="0" autoFill="0" autoLine="0" autoPict="0">
                <anchor moveWithCells="1">
                  <from>
                    <xdr:col>22</xdr:col>
                    <xdr:colOff>152400</xdr:colOff>
                    <xdr:row>106</xdr:row>
                    <xdr:rowOff>9525</xdr:rowOff>
                  </from>
                  <to>
                    <xdr:col>24</xdr:col>
                    <xdr:colOff>95250</xdr:colOff>
                    <xdr:row>107</xdr:row>
                    <xdr:rowOff>47625</xdr:rowOff>
                  </to>
                </anchor>
              </controlPr>
            </control>
          </mc:Choice>
        </mc:AlternateContent>
        <mc:AlternateContent xmlns:mc="http://schemas.openxmlformats.org/markup-compatibility/2006">
          <mc:Choice Requires="x14">
            <control shapeId="1400" r:id="rId379" name="Check Box 376">
              <controlPr defaultSize="0" autoFill="0" autoLine="0" autoPict="0">
                <anchor moveWithCells="1">
                  <from>
                    <xdr:col>23</xdr:col>
                    <xdr:colOff>161925</xdr:colOff>
                    <xdr:row>107</xdr:row>
                    <xdr:rowOff>142875</xdr:rowOff>
                  </from>
                  <to>
                    <xdr:col>25</xdr:col>
                    <xdr:colOff>104775</xdr:colOff>
                    <xdr:row>109</xdr:row>
                    <xdr:rowOff>38100</xdr:rowOff>
                  </to>
                </anchor>
              </controlPr>
            </control>
          </mc:Choice>
        </mc:AlternateContent>
        <mc:AlternateContent xmlns:mc="http://schemas.openxmlformats.org/markup-compatibility/2006">
          <mc:Choice Requires="x14">
            <control shapeId="1401" r:id="rId380" name="Check Box 377">
              <controlPr defaultSize="0" autoFill="0" autoLine="0" autoPict="0">
                <anchor moveWithCells="1">
                  <from>
                    <xdr:col>40</xdr:col>
                    <xdr:colOff>161925</xdr:colOff>
                    <xdr:row>106</xdr:row>
                    <xdr:rowOff>142875</xdr:rowOff>
                  </from>
                  <to>
                    <xdr:col>42</xdr:col>
                    <xdr:colOff>104775</xdr:colOff>
                    <xdr:row>108</xdr:row>
                    <xdr:rowOff>38100</xdr:rowOff>
                  </to>
                </anchor>
              </controlPr>
            </control>
          </mc:Choice>
        </mc:AlternateContent>
        <mc:AlternateContent xmlns:mc="http://schemas.openxmlformats.org/markup-compatibility/2006">
          <mc:Choice Requires="x14">
            <control shapeId="1402" r:id="rId381" name="Check Box 378">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1403" r:id="rId382" name="Check Box 379">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1404" r:id="rId383" name="Check Box 380">
              <controlPr defaultSize="0" autoFill="0" autoLine="0" autoPict="0">
                <anchor moveWithCells="1">
                  <from>
                    <xdr:col>22</xdr:col>
                    <xdr:colOff>161925</xdr:colOff>
                    <xdr:row>109</xdr:row>
                    <xdr:rowOff>142875</xdr:rowOff>
                  </from>
                  <to>
                    <xdr:col>24</xdr:col>
                    <xdr:colOff>104775</xdr:colOff>
                    <xdr:row>111</xdr:row>
                    <xdr:rowOff>38100</xdr:rowOff>
                  </to>
                </anchor>
              </controlPr>
            </control>
          </mc:Choice>
        </mc:AlternateContent>
        <mc:AlternateContent xmlns:mc="http://schemas.openxmlformats.org/markup-compatibility/2006">
          <mc:Choice Requires="x14">
            <control shapeId="1405" r:id="rId384" name="Check Box 381">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1406" r:id="rId385" name="Check Box 382">
              <controlPr defaultSize="0" autoFill="0" autoLine="0" autoPict="0">
                <anchor moveWithCells="1">
                  <from>
                    <xdr:col>22</xdr:col>
                    <xdr:colOff>161925</xdr:colOff>
                    <xdr:row>113</xdr:row>
                    <xdr:rowOff>142875</xdr:rowOff>
                  </from>
                  <to>
                    <xdr:col>24</xdr:col>
                    <xdr:colOff>104775</xdr:colOff>
                    <xdr:row>115</xdr:row>
                    <xdr:rowOff>38100</xdr:rowOff>
                  </to>
                </anchor>
              </controlPr>
            </control>
          </mc:Choice>
        </mc:AlternateContent>
        <mc:AlternateContent xmlns:mc="http://schemas.openxmlformats.org/markup-compatibility/2006">
          <mc:Choice Requires="x14">
            <control shapeId="1407" r:id="rId386" name="Check Box 383">
              <controlPr defaultSize="0" autoFill="0" autoLine="0" autoPict="0">
                <anchor moveWithCells="1">
                  <from>
                    <xdr:col>22</xdr:col>
                    <xdr:colOff>161925</xdr:colOff>
                    <xdr:row>117</xdr:row>
                    <xdr:rowOff>0</xdr:rowOff>
                  </from>
                  <to>
                    <xdr:col>24</xdr:col>
                    <xdr:colOff>104775</xdr:colOff>
                    <xdr:row>118</xdr:row>
                    <xdr:rowOff>38100</xdr:rowOff>
                  </to>
                </anchor>
              </controlPr>
            </control>
          </mc:Choice>
        </mc:AlternateContent>
        <mc:AlternateContent xmlns:mc="http://schemas.openxmlformats.org/markup-compatibility/2006">
          <mc:Choice Requires="x14">
            <control shapeId="1408" r:id="rId387" name="Check Box 384">
              <controlPr defaultSize="0" autoFill="0" autoLine="0" autoPict="0">
                <anchor moveWithCells="1">
                  <from>
                    <xdr:col>29</xdr:col>
                    <xdr:colOff>161925</xdr:colOff>
                    <xdr:row>117</xdr:row>
                    <xdr:rowOff>142875</xdr:rowOff>
                  </from>
                  <to>
                    <xdr:col>31</xdr:col>
                    <xdr:colOff>104775</xdr:colOff>
                    <xdr:row>119</xdr:row>
                    <xdr:rowOff>38100</xdr:rowOff>
                  </to>
                </anchor>
              </controlPr>
            </control>
          </mc:Choice>
        </mc:AlternateContent>
        <mc:AlternateContent xmlns:mc="http://schemas.openxmlformats.org/markup-compatibility/2006">
          <mc:Choice Requires="x14">
            <control shapeId="1409" r:id="rId388" name="Check Box 385">
              <controlPr defaultSize="0" autoFill="0" autoLine="0" autoPict="0">
                <anchor moveWithCells="1">
                  <from>
                    <xdr:col>36</xdr:col>
                    <xdr:colOff>161925</xdr:colOff>
                    <xdr:row>117</xdr:row>
                    <xdr:rowOff>142875</xdr:rowOff>
                  </from>
                  <to>
                    <xdr:col>38</xdr:col>
                    <xdr:colOff>104775</xdr:colOff>
                    <xdr:row>119</xdr:row>
                    <xdr:rowOff>38100</xdr:rowOff>
                  </to>
                </anchor>
              </controlPr>
            </control>
          </mc:Choice>
        </mc:AlternateContent>
        <mc:AlternateContent xmlns:mc="http://schemas.openxmlformats.org/markup-compatibility/2006">
          <mc:Choice Requires="x14">
            <control shapeId="1410" r:id="rId389" name="Check Box 386">
              <controlPr defaultSize="0" autoFill="0" autoLine="0" autoPict="0">
                <anchor moveWithCells="1">
                  <from>
                    <xdr:col>45</xdr:col>
                    <xdr:colOff>161925</xdr:colOff>
                    <xdr:row>117</xdr:row>
                    <xdr:rowOff>142875</xdr:rowOff>
                  </from>
                  <to>
                    <xdr:col>47</xdr:col>
                    <xdr:colOff>104775</xdr:colOff>
                    <xdr:row>119</xdr:row>
                    <xdr:rowOff>38100</xdr:rowOff>
                  </to>
                </anchor>
              </controlPr>
            </control>
          </mc:Choice>
        </mc:AlternateContent>
        <mc:AlternateContent xmlns:mc="http://schemas.openxmlformats.org/markup-compatibility/2006">
          <mc:Choice Requires="x14">
            <control shapeId="1411" r:id="rId390" name="Check Box 387">
              <controlPr defaultSize="0" autoFill="0" autoLine="0" autoPict="0">
                <anchor moveWithCells="1">
                  <from>
                    <xdr:col>23</xdr:col>
                    <xdr:colOff>152400</xdr:colOff>
                    <xdr:row>117</xdr:row>
                    <xdr:rowOff>161925</xdr:rowOff>
                  </from>
                  <to>
                    <xdr:col>25</xdr:col>
                    <xdr:colOff>114300</xdr:colOff>
                    <xdr:row>119</xdr:row>
                    <xdr:rowOff>28575</xdr:rowOff>
                  </to>
                </anchor>
              </controlPr>
            </control>
          </mc:Choice>
        </mc:AlternateContent>
        <mc:AlternateContent xmlns:mc="http://schemas.openxmlformats.org/markup-compatibility/2006">
          <mc:Choice Requires="x14">
            <control shapeId="1412" r:id="rId391" name="Check Box 388">
              <controlPr defaultSize="0" autoFill="0" autoLine="0" autoPict="0">
                <anchor moveWithCells="1">
                  <from>
                    <xdr:col>22</xdr:col>
                    <xdr:colOff>161925</xdr:colOff>
                    <xdr:row>118</xdr:row>
                    <xdr:rowOff>142875</xdr:rowOff>
                  </from>
                  <to>
                    <xdr:col>24</xdr:col>
                    <xdr:colOff>104775</xdr:colOff>
                    <xdr:row>120</xdr:row>
                    <xdr:rowOff>38100</xdr:rowOff>
                  </to>
                </anchor>
              </controlPr>
            </control>
          </mc:Choice>
        </mc:AlternateContent>
        <mc:AlternateContent xmlns:mc="http://schemas.openxmlformats.org/markup-compatibility/2006">
          <mc:Choice Requires="x14">
            <control shapeId="1413" r:id="rId392" name="Check Box 389">
              <controlPr defaultSize="0" autoFill="0" autoLine="0" autoPict="0">
                <anchor moveWithCells="1">
                  <from>
                    <xdr:col>29</xdr:col>
                    <xdr:colOff>161925</xdr:colOff>
                    <xdr:row>119</xdr:row>
                    <xdr:rowOff>142875</xdr:rowOff>
                  </from>
                  <to>
                    <xdr:col>31</xdr:col>
                    <xdr:colOff>104775</xdr:colOff>
                    <xdr:row>121</xdr:row>
                    <xdr:rowOff>38100</xdr:rowOff>
                  </to>
                </anchor>
              </controlPr>
            </control>
          </mc:Choice>
        </mc:AlternateContent>
        <mc:AlternateContent xmlns:mc="http://schemas.openxmlformats.org/markup-compatibility/2006">
          <mc:Choice Requires="x14">
            <control shapeId="1414" r:id="rId393" name="Check Box 390">
              <controlPr defaultSize="0" autoFill="0" autoLine="0" autoPict="0">
                <anchor moveWithCells="1">
                  <from>
                    <xdr:col>55</xdr:col>
                    <xdr:colOff>161925</xdr:colOff>
                    <xdr:row>119</xdr:row>
                    <xdr:rowOff>142875</xdr:rowOff>
                  </from>
                  <to>
                    <xdr:col>57</xdr:col>
                    <xdr:colOff>104775</xdr:colOff>
                    <xdr:row>121</xdr:row>
                    <xdr:rowOff>38100</xdr:rowOff>
                  </to>
                </anchor>
              </controlPr>
            </control>
          </mc:Choice>
        </mc:AlternateContent>
        <mc:AlternateContent xmlns:mc="http://schemas.openxmlformats.org/markup-compatibility/2006">
          <mc:Choice Requires="x14">
            <control shapeId="1415" r:id="rId394" name="Check Box 391">
              <controlPr defaultSize="0" autoFill="0" autoLine="0" autoPict="0">
                <anchor moveWithCells="1">
                  <from>
                    <xdr:col>23</xdr:col>
                    <xdr:colOff>161925</xdr:colOff>
                    <xdr:row>119</xdr:row>
                    <xdr:rowOff>142875</xdr:rowOff>
                  </from>
                  <to>
                    <xdr:col>25</xdr:col>
                    <xdr:colOff>104775</xdr:colOff>
                    <xdr:row>121</xdr:row>
                    <xdr:rowOff>38100</xdr:rowOff>
                  </to>
                </anchor>
              </controlPr>
            </control>
          </mc:Choice>
        </mc:AlternateContent>
        <mc:AlternateContent xmlns:mc="http://schemas.openxmlformats.org/markup-compatibility/2006">
          <mc:Choice Requires="x14">
            <control shapeId="1416" r:id="rId395" name="Check Box 392">
              <controlPr defaultSize="0" autoFill="0" autoLine="0" autoPict="0">
                <anchor moveWithCells="1">
                  <from>
                    <xdr:col>6</xdr:col>
                    <xdr:colOff>161925</xdr:colOff>
                    <xdr:row>125</xdr:row>
                    <xdr:rowOff>142875</xdr:rowOff>
                  </from>
                  <to>
                    <xdr:col>8</xdr:col>
                    <xdr:colOff>104775</xdr:colOff>
                    <xdr:row>127</xdr:row>
                    <xdr:rowOff>38100</xdr:rowOff>
                  </to>
                </anchor>
              </controlPr>
            </control>
          </mc:Choice>
        </mc:AlternateContent>
        <mc:AlternateContent xmlns:mc="http://schemas.openxmlformats.org/markup-compatibility/2006">
          <mc:Choice Requires="x14">
            <control shapeId="1417" r:id="rId396" name="Check Box 393">
              <controlPr defaultSize="0" autoFill="0" autoLine="0" autoPict="0">
                <anchor moveWithCells="1">
                  <from>
                    <xdr:col>6</xdr:col>
                    <xdr:colOff>161925</xdr:colOff>
                    <xdr:row>120</xdr:row>
                    <xdr:rowOff>142875</xdr:rowOff>
                  </from>
                  <to>
                    <xdr:col>8</xdr:col>
                    <xdr:colOff>104775</xdr:colOff>
                    <xdr:row>122</xdr:row>
                    <xdr:rowOff>38100</xdr:rowOff>
                  </to>
                </anchor>
              </controlPr>
            </control>
          </mc:Choice>
        </mc:AlternateContent>
        <mc:AlternateContent xmlns:mc="http://schemas.openxmlformats.org/markup-compatibility/2006">
          <mc:Choice Requires="x14">
            <control shapeId="1418" r:id="rId397" name="Check Box 394">
              <controlPr defaultSize="0" autoFill="0" autoLine="0" autoPict="0">
                <anchor moveWithCells="1">
                  <from>
                    <xdr:col>6</xdr:col>
                    <xdr:colOff>161925</xdr:colOff>
                    <xdr:row>117</xdr:row>
                    <xdr:rowOff>0</xdr:rowOff>
                  </from>
                  <to>
                    <xdr:col>8</xdr:col>
                    <xdr:colOff>104775</xdr:colOff>
                    <xdr:row>118</xdr:row>
                    <xdr:rowOff>38100</xdr:rowOff>
                  </to>
                </anchor>
              </controlPr>
            </control>
          </mc:Choice>
        </mc:AlternateContent>
        <mc:AlternateContent xmlns:mc="http://schemas.openxmlformats.org/markup-compatibility/2006">
          <mc:Choice Requires="x14">
            <control shapeId="1419" r:id="rId398" name="Check Box 395">
              <controlPr defaultSize="0" autoFill="0" autoLine="0" autoPict="0">
                <anchor moveWithCells="1">
                  <from>
                    <xdr:col>22</xdr:col>
                    <xdr:colOff>161925</xdr:colOff>
                    <xdr:row>120</xdr:row>
                    <xdr:rowOff>142875</xdr:rowOff>
                  </from>
                  <to>
                    <xdr:col>24</xdr:col>
                    <xdr:colOff>104775</xdr:colOff>
                    <xdr:row>122</xdr:row>
                    <xdr:rowOff>38100</xdr:rowOff>
                  </to>
                </anchor>
              </controlPr>
            </control>
          </mc:Choice>
        </mc:AlternateContent>
        <mc:AlternateContent xmlns:mc="http://schemas.openxmlformats.org/markup-compatibility/2006">
          <mc:Choice Requires="x14">
            <control shapeId="1420" r:id="rId399" name="Check Box 396">
              <controlPr defaultSize="0" autoFill="0" autoLine="0" autoPict="0">
                <anchor moveWithCells="1">
                  <from>
                    <xdr:col>22</xdr:col>
                    <xdr:colOff>171450</xdr:colOff>
                    <xdr:row>122</xdr:row>
                    <xdr:rowOff>161925</xdr:rowOff>
                  </from>
                  <to>
                    <xdr:col>24</xdr:col>
                    <xdr:colOff>114300</xdr:colOff>
                    <xdr:row>124</xdr:row>
                    <xdr:rowOff>28575</xdr:rowOff>
                  </to>
                </anchor>
              </controlPr>
            </control>
          </mc:Choice>
        </mc:AlternateContent>
        <mc:AlternateContent xmlns:mc="http://schemas.openxmlformats.org/markup-compatibility/2006">
          <mc:Choice Requires="x14">
            <control shapeId="1421" r:id="rId400" name="Check Box 397">
              <controlPr defaultSize="0" autoFill="0" autoLine="0" autoPict="0">
                <anchor moveWithCells="1">
                  <from>
                    <xdr:col>22</xdr:col>
                    <xdr:colOff>161925</xdr:colOff>
                    <xdr:row>125</xdr:row>
                    <xdr:rowOff>142875</xdr:rowOff>
                  </from>
                  <to>
                    <xdr:col>24</xdr:col>
                    <xdr:colOff>104775</xdr:colOff>
                    <xdr:row>127</xdr:row>
                    <xdr:rowOff>38100</xdr:rowOff>
                  </to>
                </anchor>
              </controlPr>
            </control>
          </mc:Choice>
        </mc:AlternateContent>
        <mc:AlternateContent xmlns:mc="http://schemas.openxmlformats.org/markup-compatibility/2006">
          <mc:Choice Requires="x14">
            <control shapeId="1422" r:id="rId401" name="Check Box 398">
              <controlPr defaultSize="0" autoFill="0" autoLine="0" autoPict="0">
                <anchor moveWithCells="1">
                  <from>
                    <xdr:col>22</xdr:col>
                    <xdr:colOff>161925</xdr:colOff>
                    <xdr:row>128</xdr:row>
                    <xdr:rowOff>142875</xdr:rowOff>
                  </from>
                  <to>
                    <xdr:col>24</xdr:col>
                    <xdr:colOff>104775</xdr:colOff>
                    <xdr:row>130</xdr:row>
                    <xdr:rowOff>38100</xdr:rowOff>
                  </to>
                </anchor>
              </controlPr>
            </control>
          </mc:Choice>
        </mc:AlternateContent>
        <mc:AlternateContent xmlns:mc="http://schemas.openxmlformats.org/markup-compatibility/2006">
          <mc:Choice Requires="x14">
            <control shapeId="1423" r:id="rId402" name="Check Box 399">
              <controlPr defaultSize="0" autoFill="0" autoLine="0" autoPict="0">
                <anchor moveWithCells="1">
                  <from>
                    <xdr:col>6</xdr:col>
                    <xdr:colOff>161925</xdr:colOff>
                    <xdr:row>128</xdr:row>
                    <xdr:rowOff>142875</xdr:rowOff>
                  </from>
                  <to>
                    <xdr:col>8</xdr:col>
                    <xdr:colOff>104775</xdr:colOff>
                    <xdr:row>130</xdr:row>
                    <xdr:rowOff>38100</xdr:rowOff>
                  </to>
                </anchor>
              </controlPr>
            </control>
          </mc:Choice>
        </mc:AlternateContent>
        <mc:AlternateContent xmlns:mc="http://schemas.openxmlformats.org/markup-compatibility/2006">
          <mc:Choice Requires="x14">
            <control shapeId="1424" r:id="rId403" name="Check Box 400">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1425" r:id="rId404" name="Check Box 401">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1426" r:id="rId405" name="Check Box 402">
              <controlPr defaultSize="0" autoFill="0" autoLine="0" autoPict="0">
                <anchor moveWithCells="1">
                  <from>
                    <xdr:col>22</xdr:col>
                    <xdr:colOff>161925</xdr:colOff>
                    <xdr:row>130</xdr:row>
                    <xdr:rowOff>142875</xdr:rowOff>
                  </from>
                  <to>
                    <xdr:col>24</xdr:col>
                    <xdr:colOff>104775</xdr:colOff>
                    <xdr:row>132</xdr:row>
                    <xdr:rowOff>38100</xdr:rowOff>
                  </to>
                </anchor>
              </controlPr>
            </control>
          </mc:Choice>
        </mc:AlternateContent>
        <mc:AlternateContent xmlns:mc="http://schemas.openxmlformats.org/markup-compatibility/2006">
          <mc:Choice Requires="x14">
            <control shapeId="1427" r:id="rId406" name="Check Box 403">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1428" r:id="rId407" name="Check Box 404">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1429" r:id="rId408" name="Check Box 405">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1430" r:id="rId409" name="Check Box 406">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1431" r:id="rId410" name="Check Box 407">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1432" r:id="rId411" name="Check Box 408">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1433" r:id="rId412" name="Check Box 409">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1434" r:id="rId413" name="Check Box 410">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1435" r:id="rId414" name="Check Box 411">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1436" r:id="rId415" name="Check Box 412">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1437" r:id="rId416" name="Check Box 413">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1438" r:id="rId417" name="Check Box 414">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1439" r:id="rId418" name="Check Box 415">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1440" r:id="rId419" name="Check Box 416">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1441" r:id="rId420" name="Check Box 417">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1442" r:id="rId421" name="Check Box 418">
              <controlPr defaultSize="0" autoFill="0" autoLine="0" autoPict="0">
                <anchor moveWithCells="1">
                  <from>
                    <xdr:col>22</xdr:col>
                    <xdr:colOff>171450</xdr:colOff>
                    <xdr:row>98</xdr:row>
                    <xdr:rowOff>142875</xdr:rowOff>
                  </from>
                  <to>
                    <xdr:col>24</xdr:col>
                    <xdr:colOff>114300</xdr:colOff>
                    <xdr:row>100</xdr:row>
                    <xdr:rowOff>38100</xdr:rowOff>
                  </to>
                </anchor>
              </controlPr>
            </control>
          </mc:Choice>
        </mc:AlternateContent>
        <mc:AlternateContent xmlns:mc="http://schemas.openxmlformats.org/markup-compatibility/2006">
          <mc:Choice Requires="x14">
            <control shapeId="1443" r:id="rId422" name="Check Box 419">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1444" r:id="rId423" name="Check Box 420">
              <controlPr defaultSize="0" autoFill="0" autoLine="0" autoPict="0">
                <anchor moveWithCells="1">
                  <from>
                    <xdr:col>22</xdr:col>
                    <xdr:colOff>171450</xdr:colOff>
                    <xdr:row>101</xdr:row>
                    <xdr:rowOff>142875</xdr:rowOff>
                  </from>
                  <to>
                    <xdr:col>24</xdr:col>
                    <xdr:colOff>114300</xdr:colOff>
                    <xdr:row>103</xdr:row>
                    <xdr:rowOff>38100</xdr:rowOff>
                  </to>
                </anchor>
              </controlPr>
            </control>
          </mc:Choice>
        </mc:AlternateContent>
        <mc:AlternateContent xmlns:mc="http://schemas.openxmlformats.org/markup-compatibility/2006">
          <mc:Choice Requires="x14">
            <control shapeId="1445" r:id="rId424" name="Check Box 421">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1446" r:id="rId425" name="Check Box 422">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1447" r:id="rId426" name="Check Box 423">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1448" r:id="rId427" name="Check Box 424">
              <controlPr defaultSize="0" autoFill="0" autoLine="0" autoPict="0">
                <anchor moveWithCells="1">
                  <from>
                    <xdr:col>23</xdr:col>
                    <xdr:colOff>161925</xdr:colOff>
                    <xdr:row>106</xdr:row>
                    <xdr:rowOff>152400</xdr:rowOff>
                  </from>
                  <to>
                    <xdr:col>25</xdr:col>
                    <xdr:colOff>104775</xdr:colOff>
                    <xdr:row>108</xdr:row>
                    <xdr:rowOff>19050</xdr:rowOff>
                  </to>
                </anchor>
              </controlPr>
            </control>
          </mc:Choice>
        </mc:AlternateContent>
        <mc:AlternateContent xmlns:mc="http://schemas.openxmlformats.org/markup-compatibility/2006">
          <mc:Choice Requires="x14">
            <control shapeId="1449" r:id="rId428" name="Check Box 42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1450" r:id="rId429" name="Check Box 42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1451" r:id="rId430" name="Check Box 42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1452" r:id="rId431" name="Check Box 42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1453" r:id="rId432" name="Check Box 42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1454" r:id="rId433" name="Check Box 43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1455" r:id="rId434" name="Check Box 43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1456" r:id="rId435" name="Check Box 432">
              <controlPr defaultSize="0" autoFill="0" autoLine="0" autoPict="0">
                <anchor moveWithCells="1">
                  <from>
                    <xdr:col>6</xdr:col>
                    <xdr:colOff>161925</xdr:colOff>
                    <xdr:row>15</xdr:row>
                    <xdr:rowOff>152400</xdr:rowOff>
                  </from>
                  <to>
                    <xdr:col>8</xdr:col>
                    <xdr:colOff>104775</xdr:colOff>
                    <xdr:row>17</xdr:row>
                    <xdr:rowOff>19050</xdr:rowOff>
                  </to>
                </anchor>
              </controlPr>
            </control>
          </mc:Choice>
        </mc:AlternateContent>
        <mc:AlternateContent xmlns:mc="http://schemas.openxmlformats.org/markup-compatibility/2006">
          <mc:Choice Requires="x14">
            <control shapeId="1457" r:id="rId436" name="Check Box 433">
              <controlPr defaultSize="0" autoFill="0" autoLine="0" autoPict="0">
                <anchor moveWithCells="1">
                  <from>
                    <xdr:col>6</xdr:col>
                    <xdr:colOff>161925</xdr:colOff>
                    <xdr:row>18</xdr:row>
                    <xdr:rowOff>152400</xdr:rowOff>
                  </from>
                  <to>
                    <xdr:col>8</xdr:col>
                    <xdr:colOff>104775</xdr:colOff>
                    <xdr:row>20</xdr:row>
                    <xdr:rowOff>19050</xdr:rowOff>
                  </to>
                </anchor>
              </controlPr>
            </control>
          </mc:Choice>
        </mc:AlternateContent>
        <mc:AlternateContent xmlns:mc="http://schemas.openxmlformats.org/markup-compatibility/2006">
          <mc:Choice Requires="x14">
            <control shapeId="1458" r:id="rId437" name="Check Box 434">
              <controlPr defaultSize="0" autoFill="0" autoLine="0" autoPict="0">
                <anchor moveWithCells="1">
                  <from>
                    <xdr:col>6</xdr:col>
                    <xdr:colOff>161925</xdr:colOff>
                    <xdr:row>20</xdr:row>
                    <xdr:rowOff>152400</xdr:rowOff>
                  </from>
                  <to>
                    <xdr:col>8</xdr:col>
                    <xdr:colOff>104775</xdr:colOff>
                    <xdr:row>22</xdr:row>
                    <xdr:rowOff>19050</xdr:rowOff>
                  </to>
                </anchor>
              </controlPr>
            </control>
          </mc:Choice>
        </mc:AlternateContent>
        <mc:AlternateContent xmlns:mc="http://schemas.openxmlformats.org/markup-compatibility/2006">
          <mc:Choice Requires="x14">
            <control shapeId="1459" r:id="rId438" name="Check Box 435">
              <controlPr defaultSize="0" autoFill="0" autoLine="0" autoPict="0">
                <anchor moveWithCells="1">
                  <from>
                    <xdr:col>6</xdr:col>
                    <xdr:colOff>161925</xdr:colOff>
                    <xdr:row>21</xdr:row>
                    <xdr:rowOff>152400</xdr:rowOff>
                  </from>
                  <to>
                    <xdr:col>8</xdr:col>
                    <xdr:colOff>104775</xdr:colOff>
                    <xdr:row>23</xdr:row>
                    <xdr:rowOff>19050</xdr:rowOff>
                  </to>
                </anchor>
              </controlPr>
            </control>
          </mc:Choice>
        </mc:AlternateContent>
        <mc:AlternateContent xmlns:mc="http://schemas.openxmlformats.org/markup-compatibility/2006">
          <mc:Choice Requires="x14">
            <control shapeId="1460" r:id="rId439" name="Check Box 436">
              <controlPr defaultSize="0" autoFill="0" autoLine="0" autoPict="0">
                <anchor moveWithCells="1">
                  <from>
                    <xdr:col>6</xdr:col>
                    <xdr:colOff>161925</xdr:colOff>
                    <xdr:row>23</xdr:row>
                    <xdr:rowOff>152400</xdr:rowOff>
                  </from>
                  <to>
                    <xdr:col>8</xdr:col>
                    <xdr:colOff>104775</xdr:colOff>
                    <xdr:row>25</xdr:row>
                    <xdr:rowOff>19050</xdr:rowOff>
                  </to>
                </anchor>
              </controlPr>
            </control>
          </mc:Choice>
        </mc:AlternateContent>
        <mc:AlternateContent xmlns:mc="http://schemas.openxmlformats.org/markup-compatibility/2006">
          <mc:Choice Requires="x14">
            <control shapeId="1461" r:id="rId440" name="Check Box 437">
              <controlPr defaultSize="0" autoFill="0" autoLine="0" autoPict="0">
                <anchor moveWithCells="1">
                  <from>
                    <xdr:col>6</xdr:col>
                    <xdr:colOff>161925</xdr:colOff>
                    <xdr:row>25</xdr:row>
                    <xdr:rowOff>152400</xdr:rowOff>
                  </from>
                  <to>
                    <xdr:col>8</xdr:col>
                    <xdr:colOff>104775</xdr:colOff>
                    <xdr:row>27</xdr:row>
                    <xdr:rowOff>19050</xdr:rowOff>
                  </to>
                </anchor>
              </controlPr>
            </control>
          </mc:Choice>
        </mc:AlternateContent>
        <mc:AlternateContent xmlns:mc="http://schemas.openxmlformats.org/markup-compatibility/2006">
          <mc:Choice Requires="x14">
            <control shapeId="1462" r:id="rId441" name="Check Box 438">
              <controlPr defaultSize="0" autoFill="0" autoLine="0" autoPict="0">
                <anchor moveWithCells="1">
                  <from>
                    <xdr:col>6</xdr:col>
                    <xdr:colOff>161925</xdr:colOff>
                    <xdr:row>29</xdr:row>
                    <xdr:rowOff>152400</xdr:rowOff>
                  </from>
                  <to>
                    <xdr:col>8</xdr:col>
                    <xdr:colOff>104775</xdr:colOff>
                    <xdr:row>31</xdr:row>
                    <xdr:rowOff>19050</xdr:rowOff>
                  </to>
                </anchor>
              </controlPr>
            </control>
          </mc:Choice>
        </mc:AlternateContent>
        <mc:AlternateContent xmlns:mc="http://schemas.openxmlformats.org/markup-compatibility/2006">
          <mc:Choice Requires="x14">
            <control shapeId="1463" r:id="rId442" name="Check Box 439">
              <controlPr defaultSize="0" autoFill="0" autoLine="0" autoPict="0">
                <anchor moveWithCells="1">
                  <from>
                    <xdr:col>6</xdr:col>
                    <xdr:colOff>161925</xdr:colOff>
                    <xdr:row>8</xdr:row>
                    <xdr:rowOff>152400</xdr:rowOff>
                  </from>
                  <to>
                    <xdr:col>8</xdr:col>
                    <xdr:colOff>104775</xdr:colOff>
                    <xdr:row>10</xdr:row>
                    <xdr:rowOff>19050</xdr:rowOff>
                  </to>
                </anchor>
              </controlPr>
            </control>
          </mc:Choice>
        </mc:AlternateContent>
        <mc:AlternateContent xmlns:mc="http://schemas.openxmlformats.org/markup-compatibility/2006">
          <mc:Choice Requires="x14">
            <control shapeId="1464" r:id="rId443" name="Check Box 440">
              <controlPr defaultSize="0" autoFill="0" autoLine="0" autoPict="0">
                <anchor moveWithCells="1">
                  <from>
                    <xdr:col>22</xdr:col>
                    <xdr:colOff>171450</xdr:colOff>
                    <xdr:row>5</xdr:row>
                    <xdr:rowOff>161925</xdr:rowOff>
                  </from>
                  <to>
                    <xdr:col>24</xdr:col>
                    <xdr:colOff>114300</xdr:colOff>
                    <xdr:row>7</xdr:row>
                    <xdr:rowOff>28575</xdr:rowOff>
                  </to>
                </anchor>
              </controlPr>
            </control>
          </mc:Choice>
        </mc:AlternateContent>
        <mc:AlternateContent xmlns:mc="http://schemas.openxmlformats.org/markup-compatibility/2006">
          <mc:Choice Requires="x14">
            <control shapeId="1465" r:id="rId444" name="Check Box 441">
              <controlPr defaultSize="0" autoFill="0" autoLine="0" autoPict="0">
                <anchor moveWithCells="1">
                  <from>
                    <xdr:col>22</xdr:col>
                    <xdr:colOff>161925</xdr:colOff>
                    <xdr:row>50</xdr:row>
                    <xdr:rowOff>152400</xdr:rowOff>
                  </from>
                  <to>
                    <xdr:col>24</xdr:col>
                    <xdr:colOff>104775</xdr:colOff>
                    <xdr:row>52</xdr:row>
                    <xdr:rowOff>38100</xdr:rowOff>
                  </to>
                </anchor>
              </controlPr>
            </control>
          </mc:Choice>
        </mc:AlternateContent>
        <mc:AlternateContent xmlns:mc="http://schemas.openxmlformats.org/markup-compatibility/2006">
          <mc:Choice Requires="x14">
            <control shapeId="1466" r:id="rId445" name="Check Box 442">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1467" r:id="rId446" name="Check Box 443">
              <controlPr defaultSize="0" autoFill="0" autoLine="0" autoPict="0">
                <anchor moveWithCells="1">
                  <from>
                    <xdr:col>22</xdr:col>
                    <xdr:colOff>161925</xdr:colOff>
                    <xdr:row>59</xdr:row>
                    <xdr:rowOff>152400</xdr:rowOff>
                  </from>
                  <to>
                    <xdr:col>24</xdr:col>
                    <xdr:colOff>104775</xdr:colOff>
                    <xdr:row>61</xdr:row>
                    <xdr:rowOff>38100</xdr:rowOff>
                  </to>
                </anchor>
              </controlPr>
            </control>
          </mc:Choice>
        </mc:AlternateContent>
        <mc:AlternateContent xmlns:mc="http://schemas.openxmlformats.org/markup-compatibility/2006">
          <mc:Choice Requires="x14">
            <control shapeId="1468" r:id="rId447" name="Check Box 444">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1469" r:id="rId448" name="Check Box 445">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1470" r:id="rId449" name="Check Box 446">
              <controlPr defaultSize="0" autoFill="0" autoLine="0" autoPict="0">
                <anchor moveWithCells="1">
                  <from>
                    <xdr:col>6</xdr:col>
                    <xdr:colOff>161925</xdr:colOff>
                    <xdr:row>95</xdr:row>
                    <xdr:rowOff>133350</xdr:rowOff>
                  </from>
                  <to>
                    <xdr:col>8</xdr:col>
                    <xdr:colOff>104775</xdr:colOff>
                    <xdr:row>97</xdr:row>
                    <xdr:rowOff>47625</xdr:rowOff>
                  </to>
                </anchor>
              </controlPr>
            </control>
          </mc:Choice>
        </mc:AlternateContent>
        <mc:AlternateContent xmlns:mc="http://schemas.openxmlformats.org/markup-compatibility/2006">
          <mc:Choice Requires="x14">
            <control shapeId="1471" r:id="rId450" name="Check Box 447">
              <controlPr defaultSize="0" autoFill="0" autoLine="0" autoPict="0">
                <anchor moveWithCells="1">
                  <from>
                    <xdr:col>6</xdr:col>
                    <xdr:colOff>161925</xdr:colOff>
                    <xdr:row>101</xdr:row>
                    <xdr:rowOff>133350</xdr:rowOff>
                  </from>
                  <to>
                    <xdr:col>8</xdr:col>
                    <xdr:colOff>104775</xdr:colOff>
                    <xdr:row>103</xdr:row>
                    <xdr:rowOff>47625</xdr:rowOff>
                  </to>
                </anchor>
              </controlPr>
            </control>
          </mc:Choice>
        </mc:AlternateContent>
        <mc:AlternateContent xmlns:mc="http://schemas.openxmlformats.org/markup-compatibility/2006">
          <mc:Choice Requires="x14">
            <control shapeId="1472" r:id="rId451" name="Check Box 448">
              <controlPr defaultSize="0" autoFill="0" autoLine="0" autoPict="0">
                <anchor moveWithCells="1">
                  <from>
                    <xdr:col>6</xdr:col>
                    <xdr:colOff>161925</xdr:colOff>
                    <xdr:row>0</xdr:row>
                    <xdr:rowOff>161925</xdr:rowOff>
                  </from>
                  <to>
                    <xdr:col>8</xdr:col>
                    <xdr:colOff>104775</xdr:colOff>
                    <xdr:row>2</xdr:row>
                    <xdr:rowOff>28575</xdr:rowOff>
                  </to>
                </anchor>
              </controlPr>
            </control>
          </mc:Choice>
        </mc:AlternateContent>
        <mc:AlternateContent xmlns:mc="http://schemas.openxmlformats.org/markup-compatibility/2006">
          <mc:Choice Requires="x14">
            <control shapeId="1473" r:id="rId452" name="Check Box 449">
              <controlPr defaultSize="0" autoFill="0" autoLine="0" autoPict="0">
                <anchor moveWithCells="1">
                  <from>
                    <xdr:col>6</xdr:col>
                    <xdr:colOff>161925</xdr:colOff>
                    <xdr:row>1</xdr:row>
                    <xdr:rowOff>161925</xdr:rowOff>
                  </from>
                  <to>
                    <xdr:col>8</xdr:col>
                    <xdr:colOff>104775</xdr:colOff>
                    <xdr:row>3</xdr:row>
                    <xdr:rowOff>28575</xdr:rowOff>
                  </to>
                </anchor>
              </controlPr>
            </control>
          </mc:Choice>
        </mc:AlternateContent>
        <mc:AlternateContent xmlns:mc="http://schemas.openxmlformats.org/markup-compatibility/2006">
          <mc:Choice Requires="x14">
            <control shapeId="1474" r:id="rId453" name="Check Box 450">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1475" r:id="rId454" name="Check Box 451">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1476" r:id="rId455" name="Check Box 452">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1477" r:id="rId456" name="Check Box 453">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1478" r:id="rId457" name="Check Box 454">
              <controlPr defaultSize="0" autoFill="0" autoLine="0" autoPict="0">
                <anchor moveWithCells="1">
                  <from>
                    <xdr:col>6</xdr:col>
                    <xdr:colOff>161925</xdr:colOff>
                    <xdr:row>105</xdr:row>
                    <xdr:rowOff>142875</xdr:rowOff>
                  </from>
                  <to>
                    <xdr:col>8</xdr:col>
                    <xdr:colOff>104775</xdr:colOff>
                    <xdr:row>107</xdr:row>
                    <xdr:rowOff>38100</xdr:rowOff>
                  </to>
                </anchor>
              </controlPr>
            </control>
          </mc:Choice>
        </mc:AlternateContent>
        <mc:AlternateContent xmlns:mc="http://schemas.openxmlformats.org/markup-compatibility/2006">
          <mc:Choice Requires="x14">
            <control shapeId="1479" r:id="rId458" name="Check Box 455">
              <controlPr defaultSize="0" autoFill="0" autoLine="0" autoPict="0">
                <anchor moveWithCells="1">
                  <from>
                    <xdr:col>6</xdr:col>
                    <xdr:colOff>161925</xdr:colOff>
                    <xdr:row>109</xdr:row>
                    <xdr:rowOff>142875</xdr:rowOff>
                  </from>
                  <to>
                    <xdr:col>8</xdr:col>
                    <xdr:colOff>104775</xdr:colOff>
                    <xdr:row>111</xdr:row>
                    <xdr:rowOff>38100</xdr:rowOff>
                  </to>
                </anchor>
              </controlPr>
            </control>
          </mc:Choice>
        </mc:AlternateContent>
        <mc:AlternateContent xmlns:mc="http://schemas.openxmlformats.org/markup-compatibility/2006">
          <mc:Choice Requires="x14">
            <control shapeId="1480" r:id="rId459" name="Check Box 456">
              <controlPr defaultSize="0" autoFill="0" autoLine="0" autoPict="0">
                <anchor moveWithCells="1">
                  <from>
                    <xdr:col>6</xdr:col>
                    <xdr:colOff>161925</xdr:colOff>
                    <xdr:row>111</xdr:row>
                    <xdr:rowOff>142875</xdr:rowOff>
                  </from>
                  <to>
                    <xdr:col>8</xdr:col>
                    <xdr:colOff>104775</xdr:colOff>
                    <xdr:row>113</xdr:row>
                    <xdr:rowOff>38100</xdr:rowOff>
                  </to>
                </anchor>
              </controlPr>
            </control>
          </mc:Choice>
        </mc:AlternateContent>
        <mc:AlternateContent xmlns:mc="http://schemas.openxmlformats.org/markup-compatibility/2006">
          <mc:Choice Requires="x14">
            <control shapeId="1481" r:id="rId460" name="Check Box 45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1482" r:id="rId461" name="Check Box 45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1483" r:id="rId462" name="Check Box 459">
              <controlPr defaultSize="0" autoFill="0" autoLine="0" autoPict="0">
                <anchor moveWithCells="1">
                  <from>
                    <xdr:col>6</xdr:col>
                    <xdr:colOff>161925</xdr:colOff>
                    <xdr:row>43</xdr:row>
                    <xdr:rowOff>9525</xdr:rowOff>
                  </from>
                  <to>
                    <xdr:col>8</xdr:col>
                    <xdr:colOff>104775</xdr:colOff>
                    <xdr:row>44</xdr:row>
                    <xdr:rowOff>47625</xdr:rowOff>
                  </to>
                </anchor>
              </controlPr>
            </control>
          </mc:Choice>
        </mc:AlternateContent>
        <mc:AlternateContent xmlns:mc="http://schemas.openxmlformats.org/markup-compatibility/2006">
          <mc:Choice Requires="x14">
            <control shapeId="1484" r:id="rId463" name="Check Box 460">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1485" r:id="rId464" name="Check Box 461">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1486" r:id="rId465" name="Check Box 462">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1487" r:id="rId466" name="Check Box 463">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1488" r:id="rId467" name="Check Box 464">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1489" r:id="rId468" name="Check Box 465">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1490" r:id="rId469" name="Check Box 466">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1491" r:id="rId470" name="Check Box 467">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1492" r:id="rId471" name="Check Box 468">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1493" r:id="rId472" name="Check Box 469">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1494" r:id="rId473" name="Check Box 470">
              <controlPr defaultSize="0" autoFill="0" autoLine="0" autoPict="0">
                <anchor moveWithCells="1">
                  <from>
                    <xdr:col>22</xdr:col>
                    <xdr:colOff>171450</xdr:colOff>
                    <xdr:row>3</xdr:row>
                    <xdr:rowOff>152400</xdr:rowOff>
                  </from>
                  <to>
                    <xdr:col>24</xdr:col>
                    <xdr:colOff>114300</xdr:colOff>
                    <xdr:row>5</xdr:row>
                    <xdr:rowOff>19050</xdr:rowOff>
                  </to>
                </anchor>
              </controlPr>
            </control>
          </mc:Choice>
        </mc:AlternateContent>
        <mc:AlternateContent xmlns:mc="http://schemas.openxmlformats.org/markup-compatibility/2006">
          <mc:Choice Requires="x14">
            <control shapeId="1495" r:id="rId474" name="Check Box 471">
              <controlPr defaultSize="0" autoFill="0" autoLine="0" autoPict="0">
                <anchor moveWithCells="1">
                  <from>
                    <xdr:col>6</xdr:col>
                    <xdr:colOff>161925</xdr:colOff>
                    <xdr:row>4</xdr:row>
                    <xdr:rowOff>152400</xdr:rowOff>
                  </from>
                  <to>
                    <xdr:col>8</xdr:col>
                    <xdr:colOff>104775</xdr:colOff>
                    <xdr:row>6</xdr:row>
                    <xdr:rowOff>19050</xdr:rowOff>
                  </to>
                </anchor>
              </controlPr>
            </control>
          </mc:Choice>
        </mc:AlternateContent>
        <mc:AlternateContent xmlns:mc="http://schemas.openxmlformats.org/markup-compatibility/2006">
          <mc:Choice Requires="x14">
            <control shapeId="1496" r:id="rId475" name="Check Box 472">
              <controlPr defaultSize="0" autoFill="0" autoLine="0" autoPict="0">
                <anchor moveWithCells="1">
                  <from>
                    <xdr:col>22</xdr:col>
                    <xdr:colOff>171450</xdr:colOff>
                    <xdr:row>4</xdr:row>
                    <xdr:rowOff>152400</xdr:rowOff>
                  </from>
                  <to>
                    <xdr:col>24</xdr:col>
                    <xdr:colOff>114300</xdr:colOff>
                    <xdr:row>6</xdr:row>
                    <xdr:rowOff>19050</xdr:rowOff>
                  </to>
                </anchor>
              </controlPr>
            </control>
          </mc:Choice>
        </mc:AlternateContent>
        <mc:AlternateContent xmlns:mc="http://schemas.openxmlformats.org/markup-compatibility/2006">
          <mc:Choice Requires="x14">
            <control shapeId="1497" r:id="rId476" name="Check Box 473">
              <controlPr defaultSize="0" autoFill="0" autoLine="0" autoPict="0">
                <anchor moveWithCells="1">
                  <from>
                    <xdr:col>36</xdr:col>
                    <xdr:colOff>171450</xdr:colOff>
                    <xdr:row>4</xdr:row>
                    <xdr:rowOff>152400</xdr:rowOff>
                  </from>
                  <to>
                    <xdr:col>38</xdr:col>
                    <xdr:colOff>114300</xdr:colOff>
                    <xdr:row>6</xdr:row>
                    <xdr:rowOff>19050</xdr:rowOff>
                  </to>
                </anchor>
              </controlPr>
            </control>
          </mc:Choice>
        </mc:AlternateContent>
        <mc:AlternateContent xmlns:mc="http://schemas.openxmlformats.org/markup-compatibility/2006">
          <mc:Choice Requires="x14">
            <control shapeId="1498" r:id="rId477" name="Check Box 474">
              <controlPr defaultSize="0" autoFill="0" autoLine="0" autoPict="0">
                <anchor moveWithCells="1">
                  <from>
                    <xdr:col>36</xdr:col>
                    <xdr:colOff>171450</xdr:colOff>
                    <xdr:row>5</xdr:row>
                    <xdr:rowOff>152400</xdr:rowOff>
                  </from>
                  <to>
                    <xdr:col>38</xdr:col>
                    <xdr:colOff>114300</xdr:colOff>
                    <xdr:row>7</xdr:row>
                    <xdr:rowOff>19050</xdr:rowOff>
                  </to>
                </anchor>
              </controlPr>
            </control>
          </mc:Choice>
        </mc:AlternateContent>
        <mc:AlternateContent xmlns:mc="http://schemas.openxmlformats.org/markup-compatibility/2006">
          <mc:Choice Requires="x14">
            <control shapeId="1499" r:id="rId478" name="Check Box 475">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1500" r:id="rId479" name="Check Box 476">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1501" r:id="rId480" name="Check Box 477">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1502" r:id="rId481" name="Check Box 478">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1503" r:id="rId482" name="Check Box 479">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1504" r:id="rId483" name="Check Box 480">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1505" r:id="rId484" name="Check Box 481">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1506" r:id="rId485" name="Check Box 482">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1507" r:id="rId486" name="Check Box 483">
              <controlPr defaultSize="0" autoFill="0" autoLine="0" autoPict="0">
                <anchor moveWithCells="1">
                  <from>
                    <xdr:col>23</xdr:col>
                    <xdr:colOff>152400</xdr:colOff>
                    <xdr:row>131</xdr:row>
                    <xdr:rowOff>133350</xdr:rowOff>
                  </from>
                  <to>
                    <xdr:col>25</xdr:col>
                    <xdr:colOff>85725</xdr:colOff>
                    <xdr:row>133</xdr:row>
                    <xdr:rowOff>28575</xdr:rowOff>
                  </to>
                </anchor>
              </controlPr>
            </control>
          </mc:Choice>
        </mc:AlternateContent>
        <mc:AlternateContent xmlns:mc="http://schemas.openxmlformats.org/markup-compatibility/2006">
          <mc:Choice Requires="x14">
            <control shapeId="1508" r:id="rId487" name="Check Box 484">
              <controlPr defaultSize="0" autoFill="0" autoLine="0" autoPict="0">
                <anchor moveWithCells="1">
                  <from>
                    <xdr:col>35</xdr:col>
                    <xdr:colOff>161925</xdr:colOff>
                    <xdr:row>131</xdr:row>
                    <xdr:rowOff>133350</xdr:rowOff>
                  </from>
                  <to>
                    <xdr:col>37</xdr:col>
                    <xdr:colOff>95250</xdr:colOff>
                    <xdr:row>133</xdr:row>
                    <xdr:rowOff>28575</xdr:rowOff>
                  </to>
                </anchor>
              </controlPr>
            </control>
          </mc:Choice>
        </mc:AlternateContent>
        <mc:AlternateContent xmlns:mc="http://schemas.openxmlformats.org/markup-compatibility/2006">
          <mc:Choice Requires="x14">
            <control shapeId="1509" r:id="rId488" name="Check Box 485">
              <controlPr defaultSize="0" autoFill="0" autoLine="0" autoPict="0">
                <anchor moveWithCells="1">
                  <from>
                    <xdr:col>23</xdr:col>
                    <xdr:colOff>152400</xdr:colOff>
                    <xdr:row>131</xdr:row>
                    <xdr:rowOff>133350</xdr:rowOff>
                  </from>
                  <to>
                    <xdr:col>25</xdr:col>
                    <xdr:colOff>85725</xdr:colOff>
                    <xdr:row>133</xdr:row>
                    <xdr:rowOff>28575</xdr:rowOff>
                  </to>
                </anchor>
              </controlPr>
            </control>
          </mc:Choice>
        </mc:AlternateContent>
        <mc:AlternateContent xmlns:mc="http://schemas.openxmlformats.org/markup-compatibility/2006">
          <mc:Choice Requires="x14">
            <control shapeId="1510" r:id="rId489" name="Check Box 486">
              <controlPr defaultSize="0" autoFill="0" autoLine="0" autoPict="0">
                <anchor moveWithCells="1">
                  <from>
                    <xdr:col>35</xdr:col>
                    <xdr:colOff>161925</xdr:colOff>
                    <xdr:row>131</xdr:row>
                    <xdr:rowOff>133350</xdr:rowOff>
                  </from>
                  <to>
                    <xdr:col>37</xdr:col>
                    <xdr:colOff>95250</xdr:colOff>
                    <xdr:row>133</xdr:row>
                    <xdr:rowOff>28575</xdr:rowOff>
                  </to>
                </anchor>
              </controlPr>
            </control>
          </mc:Choice>
        </mc:AlternateContent>
        <mc:AlternateContent xmlns:mc="http://schemas.openxmlformats.org/markup-compatibility/2006">
          <mc:Choice Requires="x14">
            <control shapeId="1511" r:id="rId490" name="Check Box 487">
              <controlPr defaultSize="0" autoFill="0" autoLine="0" autoPict="0">
                <anchor moveWithCells="1">
                  <from>
                    <xdr:col>28</xdr:col>
                    <xdr:colOff>142875</xdr:colOff>
                    <xdr:row>131</xdr:row>
                    <xdr:rowOff>142875</xdr:rowOff>
                  </from>
                  <to>
                    <xdr:col>30</xdr:col>
                    <xdr:colOff>76200</xdr:colOff>
                    <xdr:row>133</xdr:row>
                    <xdr:rowOff>38100</xdr:rowOff>
                  </to>
                </anchor>
              </controlPr>
            </control>
          </mc:Choice>
        </mc:AlternateContent>
        <mc:AlternateContent xmlns:mc="http://schemas.openxmlformats.org/markup-compatibility/2006">
          <mc:Choice Requires="x14">
            <control shapeId="1512" r:id="rId491" name="Check Box 48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1513" r:id="rId492" name="Check Box 489">
              <controlPr defaultSize="0" autoFill="0" autoLine="0" autoPict="0">
                <anchor moveWithCells="1">
                  <from>
                    <xdr:col>6</xdr:col>
                    <xdr:colOff>161925</xdr:colOff>
                    <xdr:row>14</xdr:row>
                    <xdr:rowOff>152400</xdr:rowOff>
                  </from>
                  <to>
                    <xdr:col>8</xdr:col>
                    <xdr:colOff>104775</xdr:colOff>
                    <xdr:row>16</xdr:row>
                    <xdr:rowOff>19050</xdr:rowOff>
                  </to>
                </anchor>
              </controlPr>
            </control>
          </mc:Choice>
        </mc:AlternateContent>
        <mc:AlternateContent xmlns:mc="http://schemas.openxmlformats.org/markup-compatibility/2006">
          <mc:Choice Requires="x14">
            <control shapeId="1514" r:id="rId493" name="Check Box 490">
              <controlPr defaultSize="0" autoFill="0" autoLine="0" autoPict="0">
                <anchor moveWithCells="1">
                  <from>
                    <xdr:col>52</xdr:col>
                    <xdr:colOff>142875</xdr:colOff>
                    <xdr:row>14</xdr:row>
                    <xdr:rowOff>133350</xdr:rowOff>
                  </from>
                  <to>
                    <xdr:col>54</xdr:col>
                    <xdr:colOff>85725</xdr:colOff>
                    <xdr:row>16</xdr:row>
                    <xdr:rowOff>19050</xdr:rowOff>
                  </to>
                </anchor>
              </controlPr>
            </control>
          </mc:Choice>
        </mc:AlternateContent>
        <mc:AlternateContent xmlns:mc="http://schemas.openxmlformats.org/markup-compatibility/2006">
          <mc:Choice Requires="x14">
            <control shapeId="1515" r:id="rId494" name="Check Box 491">
              <controlPr defaultSize="0" autoFill="0" autoLine="0" autoPict="0">
                <anchor moveWithCells="1">
                  <from>
                    <xdr:col>22</xdr:col>
                    <xdr:colOff>161925</xdr:colOff>
                    <xdr:row>14</xdr:row>
                    <xdr:rowOff>142875</xdr:rowOff>
                  </from>
                  <to>
                    <xdr:col>24</xdr:col>
                    <xdr:colOff>104775</xdr:colOff>
                    <xdr:row>1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71"/>
  <sheetViews>
    <sheetView view="pageBreakPreview" zoomScale="55" zoomScaleNormal="75" zoomScaleSheetLayoutView="55" workbookViewId="0">
      <selection activeCell="A3" sqref="A1:K1048576"/>
    </sheetView>
  </sheetViews>
  <sheetFormatPr defaultRowHeight="18.75"/>
  <cols>
    <col min="1" max="1" width="11.875" style="82" customWidth="1"/>
    <col min="2" max="3" width="15.625" style="82" customWidth="1"/>
    <col min="4" max="4" width="22.25" style="82" customWidth="1"/>
    <col min="5" max="5" width="8.625" style="82" customWidth="1"/>
    <col min="6" max="7" width="9.875" style="82" customWidth="1"/>
    <col min="8" max="8" width="18.25" style="126" customWidth="1"/>
    <col min="9" max="9" width="9.25" style="82" customWidth="1"/>
    <col min="10" max="10" width="3.375" style="82" customWidth="1"/>
    <col min="11" max="11" width="14.625" style="82" bestFit="1" customWidth="1"/>
    <col min="12" max="12" width="9" style="82"/>
    <col min="13" max="13" width="14.625" style="82" bestFit="1" customWidth="1"/>
    <col min="14" max="16384" width="9" style="82"/>
  </cols>
  <sheetData>
    <row r="1" spans="1:13" ht="32.25" customHeight="1">
      <c r="A1" s="79" t="s">
        <v>75</v>
      </c>
      <c r="B1" s="80"/>
      <c r="C1" s="80"/>
      <c r="D1" s="80"/>
      <c r="E1" s="80"/>
      <c r="F1" s="80"/>
      <c r="G1" s="80"/>
      <c r="H1" s="81"/>
      <c r="I1" s="80"/>
    </row>
    <row r="2" spans="1:13" ht="16.5" customHeight="1">
      <c r="A2" s="83"/>
      <c r="B2" s="84"/>
      <c r="C2" s="84"/>
      <c r="D2" s="85"/>
      <c r="E2" s="84"/>
      <c r="F2" s="84"/>
      <c r="G2" s="84"/>
      <c r="H2" s="86"/>
      <c r="I2" s="87"/>
      <c r="J2" s="88"/>
      <c r="K2" s="89"/>
    </row>
    <row r="3" spans="1:13" ht="16.5" customHeight="1">
      <c r="A3" s="90" t="s">
        <v>76</v>
      </c>
      <c r="B3" s="91" t="s">
        <v>77</v>
      </c>
      <c r="C3" s="91" t="s">
        <v>78</v>
      </c>
      <c r="D3" s="91" t="s">
        <v>79</v>
      </c>
      <c r="E3" s="91" t="s">
        <v>80</v>
      </c>
      <c r="F3" s="91" t="s">
        <v>13</v>
      </c>
      <c r="G3" s="91" t="s">
        <v>685</v>
      </c>
      <c r="H3" s="92" t="s">
        <v>686</v>
      </c>
      <c r="I3" s="440" t="s">
        <v>687</v>
      </c>
      <c r="J3" s="441"/>
      <c r="K3" s="442"/>
    </row>
    <row r="4" spans="1:13" ht="16.5" customHeight="1">
      <c r="A4" s="93"/>
      <c r="B4" s="94"/>
      <c r="C4" s="94"/>
      <c r="D4" s="94"/>
      <c r="E4" s="94"/>
      <c r="F4" s="95"/>
      <c r="G4" s="94"/>
      <c r="H4" s="96"/>
      <c r="I4" s="97"/>
      <c r="J4" s="98"/>
      <c r="K4" s="99"/>
    </row>
    <row r="5" spans="1:13" ht="16.5" customHeight="1">
      <c r="A5" s="100" t="s">
        <v>496</v>
      </c>
      <c r="B5" s="101"/>
      <c r="C5" s="101"/>
      <c r="D5" s="101"/>
      <c r="E5" s="101"/>
      <c r="F5" s="102"/>
      <c r="G5" s="101"/>
      <c r="H5" s="103"/>
      <c r="I5" s="104"/>
      <c r="J5" s="105"/>
      <c r="K5" s="106"/>
    </row>
    <row r="6" spans="1:13" ht="16.5" customHeight="1">
      <c r="A6" s="93"/>
      <c r="B6" s="94"/>
      <c r="C6" s="94"/>
      <c r="D6" s="94"/>
      <c r="E6" s="94"/>
      <c r="F6" s="95"/>
      <c r="G6" s="94"/>
      <c r="H6" s="96"/>
      <c r="I6" s="97"/>
      <c r="J6" s="98"/>
      <c r="K6" s="99"/>
    </row>
    <row r="7" spans="1:13" ht="16.5" customHeight="1">
      <c r="A7" s="100" t="s">
        <v>81</v>
      </c>
      <c r="B7" s="101"/>
      <c r="C7" s="101"/>
      <c r="D7" s="101"/>
      <c r="E7" s="101"/>
      <c r="F7" s="102"/>
      <c r="G7" s="101"/>
      <c r="H7" s="103"/>
      <c r="I7" s="104"/>
      <c r="J7" s="105"/>
      <c r="K7" s="106"/>
    </row>
    <row r="8" spans="1:13" ht="16.5" customHeight="1">
      <c r="A8" s="93"/>
      <c r="B8" s="94"/>
      <c r="C8" s="94"/>
      <c r="D8" s="94"/>
      <c r="E8" s="94"/>
      <c r="F8" s="95"/>
      <c r="G8" s="94"/>
      <c r="H8" s="96"/>
      <c r="I8" s="97"/>
      <c r="J8" s="98"/>
      <c r="K8" s="99"/>
    </row>
    <row r="9" spans="1:13" ht="16.5" customHeight="1">
      <c r="A9" s="100"/>
      <c r="B9" s="101" t="s">
        <v>2</v>
      </c>
      <c r="C9" s="101"/>
      <c r="D9" s="101"/>
      <c r="E9" s="107" t="s">
        <v>14</v>
      </c>
      <c r="F9" s="102">
        <v>1</v>
      </c>
      <c r="G9" s="101"/>
      <c r="H9" s="103"/>
      <c r="I9" s="104"/>
      <c r="J9" s="105"/>
      <c r="K9" s="106"/>
      <c r="M9" s="108"/>
    </row>
    <row r="10" spans="1:13" ht="16.5" customHeight="1">
      <c r="A10" s="93"/>
      <c r="B10" s="94"/>
      <c r="C10" s="94"/>
      <c r="D10" s="94"/>
      <c r="E10" s="94"/>
      <c r="F10" s="95"/>
      <c r="G10" s="94"/>
      <c r="H10" s="96"/>
      <c r="I10" s="97"/>
      <c r="J10" s="98"/>
      <c r="K10" s="99"/>
      <c r="M10" s="108"/>
    </row>
    <row r="11" spans="1:13" ht="16.5" customHeight="1">
      <c r="A11" s="100"/>
      <c r="B11" s="101" t="s">
        <v>82</v>
      </c>
      <c r="C11" s="101"/>
      <c r="D11" s="101"/>
      <c r="E11" s="101"/>
      <c r="F11" s="102"/>
      <c r="G11" s="101"/>
      <c r="H11" s="103"/>
      <c r="I11" s="104"/>
      <c r="J11" s="105"/>
      <c r="K11" s="106"/>
    </row>
    <row r="12" spans="1:13" ht="16.5" customHeight="1">
      <c r="A12" s="93"/>
      <c r="B12" s="94"/>
      <c r="C12" s="94"/>
      <c r="D12" s="94"/>
      <c r="E12" s="94"/>
      <c r="F12" s="95"/>
      <c r="G12" s="94"/>
      <c r="H12" s="96"/>
      <c r="I12" s="97"/>
      <c r="J12" s="98"/>
      <c r="K12" s="99"/>
    </row>
    <row r="13" spans="1:13" ht="16.5" customHeight="1">
      <c r="A13" s="100"/>
      <c r="B13" s="101" t="s">
        <v>83</v>
      </c>
      <c r="C13" s="101"/>
      <c r="D13" s="101"/>
      <c r="E13" s="101"/>
      <c r="F13" s="102"/>
      <c r="G13" s="101"/>
      <c r="H13" s="103"/>
      <c r="I13" s="104"/>
      <c r="J13" s="105"/>
      <c r="K13" s="106"/>
    </row>
    <row r="14" spans="1:13" ht="16.5" customHeight="1">
      <c r="A14" s="93"/>
      <c r="B14" s="94"/>
      <c r="C14" s="94"/>
      <c r="D14" s="94"/>
      <c r="E14" s="94"/>
      <c r="F14" s="95"/>
      <c r="G14" s="94"/>
      <c r="H14" s="96"/>
      <c r="I14" s="97"/>
      <c r="J14" s="98"/>
      <c r="K14" s="99"/>
    </row>
    <row r="15" spans="1:13" ht="16.5" customHeight="1">
      <c r="A15" s="100"/>
      <c r="B15" s="101"/>
      <c r="C15" s="101" t="s">
        <v>3</v>
      </c>
      <c r="D15" s="101"/>
      <c r="E15" s="107" t="s">
        <v>14</v>
      </c>
      <c r="F15" s="102">
        <v>1</v>
      </c>
      <c r="G15" s="101"/>
      <c r="H15" s="103"/>
      <c r="I15" s="104"/>
      <c r="J15" s="105"/>
      <c r="K15" s="106"/>
    </row>
    <row r="16" spans="1:13" ht="16.5" customHeight="1">
      <c r="A16" s="93"/>
      <c r="B16" s="94"/>
      <c r="C16" s="94"/>
      <c r="D16" s="94"/>
      <c r="E16" s="94"/>
      <c r="F16" s="95"/>
      <c r="G16" s="94"/>
      <c r="H16" s="96"/>
      <c r="I16" s="97"/>
      <c r="J16" s="98"/>
      <c r="K16" s="99"/>
    </row>
    <row r="17" spans="1:11" ht="16.5" customHeight="1">
      <c r="A17" s="100"/>
      <c r="B17" s="101"/>
      <c r="C17" s="101"/>
      <c r="D17" s="101" t="s">
        <v>84</v>
      </c>
      <c r="E17" s="101"/>
      <c r="F17" s="102"/>
      <c r="G17" s="101"/>
      <c r="H17" s="103"/>
      <c r="I17" s="104"/>
      <c r="J17" s="105"/>
      <c r="K17" s="106"/>
    </row>
    <row r="18" spans="1:11" ht="16.5" customHeight="1">
      <c r="A18" s="93"/>
      <c r="B18" s="94"/>
      <c r="C18" s="94"/>
      <c r="D18" s="94"/>
      <c r="E18" s="94"/>
      <c r="F18" s="95"/>
      <c r="G18" s="94"/>
      <c r="H18" s="96"/>
      <c r="I18" s="97"/>
      <c r="J18" s="98"/>
      <c r="K18" s="99"/>
    </row>
    <row r="19" spans="1:11" ht="16.5" customHeight="1">
      <c r="A19" s="100"/>
      <c r="B19" s="101"/>
      <c r="C19" s="101" t="s">
        <v>15</v>
      </c>
      <c r="D19" s="101" t="s">
        <v>45</v>
      </c>
      <c r="E19" s="107" t="s">
        <v>14</v>
      </c>
      <c r="F19" s="102">
        <v>1</v>
      </c>
      <c r="G19" s="101"/>
      <c r="H19" s="103"/>
      <c r="I19" s="104"/>
      <c r="J19" s="105"/>
      <c r="K19" s="106"/>
    </row>
    <row r="20" spans="1:11" ht="16.5" customHeight="1">
      <c r="A20" s="93"/>
      <c r="B20" s="94"/>
      <c r="C20" s="94"/>
      <c r="D20" s="94"/>
      <c r="E20" s="94"/>
      <c r="F20" s="95"/>
      <c r="G20" s="94"/>
      <c r="H20" s="96"/>
      <c r="I20" s="97"/>
      <c r="J20" s="98"/>
      <c r="K20" s="99"/>
    </row>
    <row r="21" spans="1:11" ht="16.5" customHeight="1">
      <c r="A21" s="100"/>
      <c r="B21" s="101"/>
      <c r="C21" s="101"/>
      <c r="D21" s="101" t="s">
        <v>85</v>
      </c>
      <c r="E21" s="107" t="s">
        <v>14</v>
      </c>
      <c r="F21" s="102">
        <v>1</v>
      </c>
      <c r="G21" s="101"/>
      <c r="H21" s="103"/>
      <c r="I21" s="109"/>
      <c r="J21" s="105"/>
      <c r="K21" s="106"/>
    </row>
    <row r="22" spans="1:11" ht="16.5" customHeight="1">
      <c r="A22" s="93"/>
      <c r="B22" s="94"/>
      <c r="C22" s="94"/>
      <c r="D22" s="94"/>
      <c r="E22" s="94"/>
      <c r="F22" s="95"/>
      <c r="G22" s="94"/>
      <c r="H22" s="96"/>
      <c r="I22" s="97"/>
      <c r="J22" s="98"/>
      <c r="K22" s="99"/>
    </row>
    <row r="23" spans="1:11" ht="16.5" customHeight="1">
      <c r="A23" s="100"/>
      <c r="B23" s="101"/>
      <c r="C23" s="101"/>
      <c r="D23" s="101" t="s">
        <v>86</v>
      </c>
      <c r="E23" s="101"/>
      <c r="F23" s="102"/>
      <c r="G23" s="101"/>
      <c r="H23" s="103"/>
      <c r="I23" s="104"/>
      <c r="J23" s="105"/>
      <c r="K23" s="106"/>
    </row>
    <row r="24" spans="1:11" ht="16.5" customHeight="1">
      <c r="A24" s="93"/>
      <c r="B24" s="94"/>
      <c r="C24" s="94"/>
      <c r="D24" s="94"/>
      <c r="E24" s="94"/>
      <c r="F24" s="95"/>
      <c r="G24" s="94"/>
      <c r="H24" s="96"/>
      <c r="I24" s="97"/>
      <c r="J24" s="98"/>
      <c r="K24" s="99"/>
    </row>
    <row r="25" spans="1:11" ht="16.5" customHeight="1">
      <c r="A25" s="100"/>
      <c r="B25" s="101"/>
      <c r="C25" s="101" t="s">
        <v>16</v>
      </c>
      <c r="D25" s="101" t="s">
        <v>488</v>
      </c>
      <c r="E25" s="107" t="s">
        <v>14</v>
      </c>
      <c r="F25" s="102">
        <v>1</v>
      </c>
      <c r="G25" s="101"/>
      <c r="H25" s="103"/>
      <c r="I25" s="104"/>
      <c r="J25" s="105"/>
      <c r="K25" s="106"/>
    </row>
    <row r="26" spans="1:11" ht="16.5" customHeight="1">
      <c r="A26" s="93"/>
      <c r="B26" s="94"/>
      <c r="C26" s="94"/>
      <c r="D26" s="94"/>
      <c r="E26" s="94"/>
      <c r="F26" s="95"/>
      <c r="G26" s="94"/>
      <c r="H26" s="96"/>
      <c r="I26" s="97"/>
      <c r="J26" s="98"/>
      <c r="K26" s="99"/>
    </row>
    <row r="27" spans="1:11" ht="16.5" customHeight="1">
      <c r="A27" s="100"/>
      <c r="B27" s="101"/>
      <c r="C27" s="101"/>
      <c r="D27" s="101" t="s">
        <v>6</v>
      </c>
      <c r="E27" s="107" t="s">
        <v>14</v>
      </c>
      <c r="F27" s="102">
        <v>1</v>
      </c>
      <c r="G27" s="101"/>
      <c r="H27" s="103"/>
      <c r="I27" s="104"/>
      <c r="J27" s="105"/>
      <c r="K27" s="106"/>
    </row>
    <row r="28" spans="1:11" ht="16.5" customHeight="1">
      <c r="A28" s="93"/>
      <c r="B28" s="94"/>
      <c r="C28" s="94"/>
      <c r="D28" s="94"/>
      <c r="E28" s="94"/>
      <c r="F28" s="95"/>
      <c r="G28" s="94"/>
      <c r="H28" s="96"/>
      <c r="I28" s="97"/>
      <c r="J28" s="98"/>
      <c r="K28" s="99"/>
    </row>
    <row r="29" spans="1:11" ht="16.5" customHeight="1">
      <c r="A29" s="100"/>
      <c r="B29" s="101"/>
      <c r="C29" s="101"/>
      <c r="D29" s="101" t="s">
        <v>87</v>
      </c>
      <c r="E29" s="101"/>
      <c r="F29" s="102"/>
      <c r="G29" s="101"/>
      <c r="H29" s="103"/>
      <c r="I29" s="104"/>
      <c r="J29" s="105"/>
      <c r="K29" s="106"/>
    </row>
    <row r="30" spans="1:11" ht="16.5" customHeight="1">
      <c r="A30" s="93"/>
      <c r="B30" s="94"/>
      <c r="C30" s="110"/>
      <c r="D30" s="110"/>
      <c r="E30" s="110"/>
      <c r="F30" s="111"/>
      <c r="G30" s="110"/>
      <c r="H30" s="112"/>
      <c r="I30" s="97"/>
      <c r="J30" s="98"/>
      <c r="K30" s="99"/>
    </row>
    <row r="31" spans="1:11" ht="16.5" customHeight="1">
      <c r="A31" s="100"/>
      <c r="B31" s="101"/>
      <c r="C31" s="101" t="s">
        <v>7</v>
      </c>
      <c r="D31" s="101"/>
      <c r="E31" s="107" t="s">
        <v>14</v>
      </c>
      <c r="F31" s="102">
        <v>1</v>
      </c>
      <c r="G31" s="101"/>
      <c r="H31" s="103"/>
      <c r="I31" s="104"/>
      <c r="J31" s="105"/>
      <c r="K31" s="106"/>
    </row>
    <row r="32" spans="1:11" ht="16.5" customHeight="1">
      <c r="A32" s="93"/>
      <c r="B32" s="94"/>
      <c r="C32" s="94"/>
      <c r="D32" s="94"/>
      <c r="E32" s="94"/>
      <c r="F32" s="95"/>
      <c r="G32" s="94"/>
      <c r="H32" s="96"/>
      <c r="I32" s="97"/>
      <c r="J32" s="98"/>
      <c r="K32" s="99"/>
    </row>
    <row r="33" spans="1:11" ht="16.5" customHeight="1">
      <c r="A33" s="113"/>
      <c r="B33" s="114"/>
      <c r="C33" s="114"/>
      <c r="D33" s="114" t="s">
        <v>88</v>
      </c>
      <c r="E33" s="114"/>
      <c r="F33" s="115"/>
      <c r="G33" s="114"/>
      <c r="H33" s="116"/>
      <c r="I33" s="117"/>
      <c r="J33" s="118"/>
      <c r="K33" s="119"/>
    </row>
    <row r="34" spans="1:11" ht="16.5" customHeight="1">
      <c r="A34" s="93"/>
      <c r="B34" s="94"/>
      <c r="C34" s="94"/>
      <c r="D34" s="94"/>
      <c r="E34" s="94"/>
      <c r="F34" s="95"/>
      <c r="G34" s="94"/>
      <c r="H34" s="96"/>
      <c r="I34" s="97"/>
      <c r="J34" s="98"/>
      <c r="K34" s="99"/>
    </row>
    <row r="35" spans="1:11" ht="16.5" customHeight="1">
      <c r="A35" s="100"/>
      <c r="B35" s="101"/>
      <c r="C35" s="101" t="s">
        <v>89</v>
      </c>
      <c r="D35" s="101" t="s">
        <v>54</v>
      </c>
      <c r="E35" s="107" t="s">
        <v>14</v>
      </c>
      <c r="F35" s="102">
        <v>1</v>
      </c>
      <c r="G35" s="101"/>
      <c r="H35" s="103"/>
      <c r="I35" s="120"/>
      <c r="J35" s="105"/>
      <c r="K35" s="121"/>
    </row>
    <row r="36" spans="1:11" ht="16.5" customHeight="1">
      <c r="A36" s="93"/>
      <c r="B36" s="94"/>
      <c r="C36" s="94"/>
      <c r="D36" s="94"/>
      <c r="E36" s="94"/>
      <c r="F36" s="95"/>
      <c r="G36" s="94"/>
      <c r="H36" s="96"/>
      <c r="I36" s="97"/>
      <c r="J36" s="98"/>
      <c r="K36" s="99"/>
    </row>
    <row r="37" spans="1:11" ht="16.5" customHeight="1">
      <c r="A37" s="100"/>
      <c r="B37" s="101"/>
      <c r="C37" s="101"/>
      <c r="D37" s="101" t="s">
        <v>8</v>
      </c>
      <c r="E37" s="107" t="s">
        <v>14</v>
      </c>
      <c r="F37" s="102">
        <v>1</v>
      </c>
      <c r="G37" s="101"/>
      <c r="H37" s="103"/>
      <c r="I37" s="104"/>
      <c r="J37" s="105"/>
      <c r="K37" s="106"/>
    </row>
    <row r="38" spans="1:11" ht="16.5" customHeight="1">
      <c r="A38" s="93"/>
      <c r="B38" s="94"/>
      <c r="C38" s="94"/>
      <c r="D38" s="94"/>
      <c r="E38" s="94"/>
      <c r="F38" s="95"/>
      <c r="G38" s="94"/>
      <c r="H38" s="96"/>
      <c r="I38" s="97"/>
      <c r="J38" s="98"/>
      <c r="K38" s="99"/>
    </row>
    <row r="39" spans="1:11" ht="16.5" customHeight="1">
      <c r="A39" s="100"/>
      <c r="B39" s="101"/>
      <c r="C39" s="101"/>
      <c r="D39" s="101" t="s">
        <v>90</v>
      </c>
      <c r="E39" s="101"/>
      <c r="F39" s="102"/>
      <c r="G39" s="101"/>
      <c r="H39" s="103"/>
      <c r="I39" s="104"/>
      <c r="J39" s="105"/>
      <c r="K39" s="106"/>
    </row>
    <row r="40" spans="1:11" ht="16.5" customHeight="1">
      <c r="A40" s="93"/>
      <c r="B40" s="94"/>
      <c r="C40" s="94"/>
      <c r="D40" s="94"/>
      <c r="E40" s="94"/>
      <c r="F40" s="95"/>
      <c r="G40" s="94"/>
      <c r="H40" s="96"/>
      <c r="I40" s="97"/>
      <c r="J40" s="98"/>
      <c r="K40" s="99"/>
    </row>
    <row r="41" spans="1:11" ht="16.5" customHeight="1">
      <c r="A41" s="100"/>
      <c r="B41" s="101"/>
      <c r="C41" s="101" t="s">
        <v>91</v>
      </c>
      <c r="D41" s="101"/>
      <c r="E41" s="107" t="s">
        <v>14</v>
      </c>
      <c r="F41" s="102">
        <v>1</v>
      </c>
      <c r="G41" s="101"/>
      <c r="H41" s="103"/>
      <c r="I41" s="122"/>
      <c r="J41" s="105"/>
      <c r="K41" s="106"/>
    </row>
    <row r="42" spans="1:11" ht="16.5" customHeight="1">
      <c r="A42" s="93"/>
      <c r="B42" s="94"/>
      <c r="C42" s="94"/>
      <c r="D42" s="94"/>
      <c r="E42" s="94"/>
      <c r="F42" s="95"/>
      <c r="G42" s="94"/>
      <c r="H42" s="96"/>
      <c r="I42" s="97"/>
      <c r="J42" s="98"/>
      <c r="K42" s="99"/>
    </row>
    <row r="43" spans="1:11" ht="16.5" customHeight="1">
      <c r="A43" s="100"/>
      <c r="B43" s="101"/>
      <c r="C43" s="101"/>
      <c r="D43" s="101" t="s">
        <v>92</v>
      </c>
      <c r="E43" s="101"/>
      <c r="F43" s="102"/>
      <c r="G43" s="101"/>
      <c r="H43" s="103"/>
      <c r="I43" s="104"/>
      <c r="J43" s="105"/>
      <c r="K43" s="106"/>
    </row>
    <row r="44" spans="1:11" ht="16.5" customHeight="1">
      <c r="A44" s="93"/>
      <c r="B44" s="94"/>
      <c r="C44" s="94"/>
      <c r="D44" s="94"/>
      <c r="E44" s="94"/>
      <c r="F44" s="95"/>
      <c r="G44" s="94"/>
      <c r="H44" s="96"/>
      <c r="I44" s="97"/>
      <c r="J44" s="98"/>
      <c r="K44" s="99"/>
    </row>
    <row r="45" spans="1:11" ht="16.5" customHeight="1">
      <c r="A45" s="100"/>
      <c r="B45" s="101" t="s">
        <v>93</v>
      </c>
      <c r="C45" s="101"/>
      <c r="D45" s="101"/>
      <c r="E45" s="101"/>
      <c r="F45" s="102"/>
      <c r="G45" s="101"/>
      <c r="H45" s="103"/>
      <c r="I45" s="104"/>
      <c r="J45" s="105"/>
      <c r="K45" s="106"/>
    </row>
    <row r="46" spans="1:11" ht="16.5" customHeight="1">
      <c r="A46" s="93"/>
      <c r="B46" s="94"/>
      <c r="C46" s="94"/>
      <c r="D46" s="94"/>
      <c r="E46" s="94"/>
      <c r="F46" s="95"/>
      <c r="G46" s="94"/>
      <c r="H46" s="96"/>
      <c r="I46" s="97"/>
      <c r="J46" s="98"/>
      <c r="K46" s="99"/>
    </row>
    <row r="47" spans="1:11" ht="16.5" customHeight="1">
      <c r="A47" s="100"/>
      <c r="B47" s="101"/>
      <c r="C47" s="101"/>
      <c r="D47" s="101"/>
      <c r="E47" s="101"/>
      <c r="F47" s="102"/>
      <c r="G47" s="101"/>
      <c r="H47" s="103"/>
      <c r="I47" s="104"/>
      <c r="J47" s="105"/>
      <c r="K47" s="106"/>
    </row>
    <row r="48" spans="1:11" ht="16.5" customHeight="1">
      <c r="A48" s="93"/>
      <c r="B48" s="94"/>
      <c r="C48" s="94"/>
      <c r="D48" s="94"/>
      <c r="E48" s="94"/>
      <c r="F48" s="95"/>
      <c r="G48" s="94"/>
      <c r="H48" s="96"/>
      <c r="I48" s="97"/>
      <c r="J48" s="98"/>
      <c r="K48" s="99"/>
    </row>
    <row r="49" spans="1:11" ht="16.5" customHeight="1">
      <c r="A49" s="100"/>
      <c r="B49" s="101" t="s">
        <v>94</v>
      </c>
      <c r="C49" s="101" t="s">
        <v>95</v>
      </c>
      <c r="D49" s="101"/>
      <c r="E49" s="107" t="s">
        <v>14</v>
      </c>
      <c r="F49" s="102">
        <v>1</v>
      </c>
      <c r="G49" s="101"/>
      <c r="H49" s="103"/>
      <c r="I49" s="203"/>
      <c r="J49" s="105"/>
      <c r="K49" s="106"/>
    </row>
    <row r="50" spans="1:11" ht="16.5" customHeight="1">
      <c r="A50" s="93"/>
      <c r="B50" s="94"/>
      <c r="C50" s="94"/>
      <c r="D50" s="94"/>
      <c r="E50" s="94"/>
      <c r="F50" s="95"/>
      <c r="G50" s="94"/>
      <c r="H50" s="96"/>
      <c r="I50" s="97"/>
      <c r="J50" s="98"/>
      <c r="K50" s="99"/>
    </row>
    <row r="51" spans="1:11" ht="16.5" customHeight="1">
      <c r="A51" s="100"/>
      <c r="B51" s="101"/>
      <c r="C51" s="101"/>
      <c r="D51" s="101" t="s">
        <v>96</v>
      </c>
      <c r="E51" s="107" t="s">
        <v>14</v>
      </c>
      <c r="F51" s="102">
        <v>1</v>
      </c>
      <c r="G51" s="101"/>
      <c r="H51" s="103"/>
      <c r="I51" s="104"/>
      <c r="J51" s="105"/>
      <c r="K51" s="106"/>
    </row>
    <row r="52" spans="1:11" ht="16.5" customHeight="1">
      <c r="A52" s="93"/>
      <c r="B52" s="94"/>
      <c r="C52" s="94"/>
      <c r="D52" s="94"/>
      <c r="E52" s="94"/>
      <c r="F52" s="95"/>
      <c r="G52" s="94"/>
      <c r="H52" s="96"/>
      <c r="I52" s="97"/>
      <c r="J52" s="98"/>
      <c r="K52" s="99"/>
    </row>
    <row r="53" spans="1:11" ht="16.5" customHeight="1">
      <c r="A53" s="100"/>
      <c r="B53" s="101"/>
      <c r="C53" s="101"/>
      <c r="D53" s="101" t="s">
        <v>97</v>
      </c>
      <c r="E53" s="107" t="s">
        <v>14</v>
      </c>
      <c r="F53" s="102">
        <v>1</v>
      </c>
      <c r="G53" s="101"/>
      <c r="H53" s="103"/>
      <c r="I53" s="104"/>
      <c r="J53" s="105"/>
      <c r="K53" s="106"/>
    </row>
    <row r="54" spans="1:11" ht="16.5" customHeight="1">
      <c r="A54" s="93"/>
      <c r="B54" s="94"/>
      <c r="C54" s="94"/>
      <c r="D54" s="94"/>
      <c r="E54" s="94"/>
      <c r="F54" s="95"/>
      <c r="G54" s="94"/>
      <c r="H54" s="96"/>
      <c r="I54" s="97"/>
      <c r="J54" s="98"/>
      <c r="K54" s="99"/>
    </row>
    <row r="55" spans="1:11" ht="16.5" customHeight="1">
      <c r="A55" s="100"/>
      <c r="B55" s="101"/>
      <c r="C55" s="101"/>
      <c r="D55" s="101" t="s">
        <v>55</v>
      </c>
      <c r="E55" s="107" t="s">
        <v>14</v>
      </c>
      <c r="F55" s="102">
        <v>1</v>
      </c>
      <c r="G55" s="101"/>
      <c r="H55" s="103"/>
      <c r="I55" s="104"/>
      <c r="J55" s="105"/>
      <c r="K55" s="106"/>
    </row>
    <row r="56" spans="1:11" ht="16.5" customHeight="1">
      <c r="A56" s="93"/>
      <c r="B56" s="94"/>
      <c r="C56" s="94"/>
      <c r="D56" s="94"/>
      <c r="E56" s="94"/>
      <c r="F56" s="95"/>
      <c r="G56" s="94"/>
      <c r="H56" s="96"/>
      <c r="I56" s="97"/>
      <c r="J56" s="98"/>
      <c r="K56" s="99"/>
    </row>
    <row r="57" spans="1:11" ht="16.5" customHeight="1">
      <c r="A57" s="100"/>
      <c r="B57" s="101"/>
      <c r="C57" s="101"/>
      <c r="D57" s="101" t="s">
        <v>98</v>
      </c>
      <c r="E57" s="107" t="s">
        <v>14</v>
      </c>
      <c r="F57" s="102">
        <v>1</v>
      </c>
      <c r="G57" s="101"/>
      <c r="H57" s="103"/>
      <c r="I57" s="104"/>
      <c r="J57" s="105"/>
      <c r="K57" s="106"/>
    </row>
    <row r="58" spans="1:11" ht="16.5" customHeight="1">
      <c r="A58" s="93"/>
      <c r="B58" s="94"/>
      <c r="C58" s="94"/>
      <c r="D58" s="94"/>
      <c r="E58" s="94"/>
      <c r="F58" s="95"/>
      <c r="G58" s="94"/>
      <c r="H58" s="96"/>
      <c r="I58" s="97"/>
      <c r="J58" s="98"/>
      <c r="K58" s="99"/>
    </row>
    <row r="59" spans="1:11" ht="16.5" customHeight="1">
      <c r="A59" s="100"/>
      <c r="B59" s="101"/>
      <c r="C59" s="101"/>
      <c r="D59" s="101" t="s">
        <v>99</v>
      </c>
      <c r="E59" s="107" t="s">
        <v>14</v>
      </c>
      <c r="F59" s="102">
        <v>1</v>
      </c>
      <c r="G59" s="101"/>
      <c r="H59" s="103"/>
      <c r="I59" s="104"/>
      <c r="J59" s="105"/>
      <c r="K59" s="106"/>
    </row>
    <row r="60" spans="1:11" ht="16.5" customHeight="1">
      <c r="A60" s="93"/>
      <c r="B60" s="94"/>
      <c r="C60" s="94"/>
      <c r="D60" s="94"/>
      <c r="E60" s="94"/>
      <c r="F60" s="95"/>
      <c r="G60" s="94"/>
      <c r="H60" s="96"/>
      <c r="I60" s="97"/>
      <c r="J60" s="98"/>
      <c r="K60" s="99"/>
    </row>
    <row r="61" spans="1:11" ht="16.5" customHeight="1">
      <c r="A61" s="100"/>
      <c r="B61" s="101"/>
      <c r="C61" s="101" t="s">
        <v>100</v>
      </c>
      <c r="D61" s="101"/>
      <c r="E61" s="101"/>
      <c r="F61" s="102"/>
      <c r="G61" s="101"/>
      <c r="H61" s="103"/>
      <c r="I61" s="104"/>
      <c r="J61" s="105"/>
      <c r="K61" s="121"/>
    </row>
    <row r="62" spans="1:11" ht="16.5" customHeight="1">
      <c r="A62" s="93"/>
      <c r="B62" s="94"/>
      <c r="C62" s="94"/>
      <c r="D62" s="94"/>
      <c r="E62" s="94"/>
      <c r="F62" s="95"/>
      <c r="G62" s="94"/>
      <c r="H62" s="96"/>
      <c r="I62" s="97"/>
      <c r="J62" s="98"/>
      <c r="K62" s="99"/>
    </row>
    <row r="63" spans="1:11" ht="16.5" customHeight="1">
      <c r="A63" s="113"/>
      <c r="B63" s="114" t="s">
        <v>688</v>
      </c>
      <c r="C63" s="114"/>
      <c r="D63" s="114"/>
      <c r="E63" s="114"/>
      <c r="F63" s="115"/>
      <c r="G63" s="114"/>
      <c r="H63" s="116"/>
      <c r="I63" s="117" t="s">
        <v>689</v>
      </c>
      <c r="J63" s="118"/>
      <c r="K63" s="119"/>
    </row>
    <row r="64" spans="1:11" ht="16.5" customHeight="1">
      <c r="A64" s="93"/>
      <c r="B64" s="94"/>
      <c r="C64" s="94"/>
      <c r="D64" s="94"/>
      <c r="E64" s="94"/>
      <c r="F64" s="95"/>
      <c r="G64" s="94"/>
      <c r="H64" s="96"/>
      <c r="I64" s="97"/>
      <c r="J64" s="98"/>
      <c r="K64" s="99"/>
    </row>
    <row r="65" spans="1:11" ht="16.5" customHeight="1">
      <c r="A65" s="100"/>
      <c r="B65" s="101"/>
      <c r="C65" s="101" t="s">
        <v>101</v>
      </c>
      <c r="D65" s="101"/>
      <c r="E65" s="107" t="s">
        <v>14</v>
      </c>
      <c r="F65" s="102">
        <v>1</v>
      </c>
      <c r="G65" s="101"/>
      <c r="H65" s="103"/>
      <c r="I65" s="203"/>
      <c r="J65" s="105"/>
      <c r="K65" s="106"/>
    </row>
    <row r="66" spans="1:11" ht="16.5" customHeight="1">
      <c r="A66" s="93"/>
      <c r="B66" s="94"/>
      <c r="C66" s="94"/>
      <c r="D66" s="94"/>
      <c r="E66" s="94"/>
      <c r="F66" s="95"/>
      <c r="G66" s="94"/>
      <c r="H66" s="96"/>
      <c r="I66" s="97"/>
      <c r="J66" s="98"/>
      <c r="K66" s="99"/>
    </row>
    <row r="67" spans="1:11" ht="16.5" customHeight="1">
      <c r="A67" s="100"/>
      <c r="B67" s="101"/>
      <c r="C67" s="101" t="s">
        <v>102</v>
      </c>
      <c r="D67" s="101"/>
      <c r="E67" s="107" t="s">
        <v>14</v>
      </c>
      <c r="F67" s="102">
        <v>1</v>
      </c>
      <c r="G67" s="101"/>
      <c r="H67" s="103"/>
      <c r="I67" s="109"/>
      <c r="J67" s="105"/>
      <c r="K67" s="106"/>
    </row>
    <row r="68" spans="1:11" ht="16.5" customHeight="1">
      <c r="A68" s="93"/>
      <c r="B68" s="94"/>
      <c r="C68" s="94"/>
      <c r="D68" s="94"/>
      <c r="E68" s="94"/>
      <c r="F68" s="95"/>
      <c r="G68" s="94"/>
      <c r="H68" s="96"/>
      <c r="I68" s="97"/>
      <c r="J68" s="98"/>
      <c r="K68" s="99"/>
    </row>
    <row r="69" spans="1:11" ht="16.5" customHeight="1">
      <c r="A69" s="100"/>
      <c r="B69" s="101" t="s">
        <v>103</v>
      </c>
      <c r="C69" s="101"/>
      <c r="D69" s="101"/>
      <c r="E69" s="101"/>
      <c r="F69" s="102"/>
      <c r="G69" s="101"/>
      <c r="H69" s="103"/>
      <c r="I69" s="104"/>
      <c r="J69" s="105"/>
      <c r="K69" s="106"/>
    </row>
    <row r="70" spans="1:11" ht="16.5" customHeight="1">
      <c r="A70" s="93"/>
      <c r="B70" s="94"/>
      <c r="C70" s="94"/>
      <c r="D70" s="94"/>
      <c r="E70" s="94"/>
      <c r="F70" s="95"/>
      <c r="G70" s="94"/>
      <c r="H70" s="96"/>
      <c r="I70" s="97"/>
      <c r="J70" s="98"/>
      <c r="K70" s="99"/>
    </row>
    <row r="71" spans="1:11" ht="16.5" customHeight="1">
      <c r="A71" s="100"/>
      <c r="B71" s="101" t="s">
        <v>17</v>
      </c>
      <c r="C71" s="101"/>
      <c r="D71" s="101"/>
      <c r="E71" s="101"/>
      <c r="F71" s="102"/>
      <c r="G71" s="101"/>
      <c r="H71" s="103"/>
      <c r="I71" s="104"/>
      <c r="J71" s="105"/>
      <c r="K71" s="106"/>
    </row>
    <row r="72" spans="1:11" ht="16.5" customHeight="1">
      <c r="A72" s="93"/>
      <c r="B72" s="94"/>
      <c r="C72" s="94"/>
      <c r="D72" s="94"/>
      <c r="E72" s="94"/>
      <c r="F72" s="95"/>
      <c r="G72" s="94"/>
      <c r="H72" s="96"/>
      <c r="I72" s="97"/>
      <c r="J72" s="98"/>
      <c r="K72" s="99"/>
    </row>
    <row r="73" spans="1:11" ht="16.5" customHeight="1">
      <c r="A73" s="100"/>
      <c r="B73" s="101"/>
      <c r="C73" s="101" t="s">
        <v>9</v>
      </c>
      <c r="D73" s="101"/>
      <c r="E73" s="107" t="s">
        <v>14</v>
      </c>
      <c r="F73" s="102">
        <v>1</v>
      </c>
      <c r="G73" s="101"/>
      <c r="H73" s="103"/>
      <c r="I73" s="122"/>
      <c r="J73" s="105"/>
      <c r="K73" s="106"/>
    </row>
    <row r="74" spans="1:11" ht="16.5" customHeight="1">
      <c r="A74" s="93"/>
      <c r="B74" s="94"/>
      <c r="C74" s="94"/>
      <c r="D74" s="94"/>
      <c r="E74" s="94"/>
      <c r="F74" s="95"/>
      <c r="G74" s="94"/>
      <c r="H74" s="96"/>
      <c r="I74" s="97"/>
      <c r="J74" s="98"/>
      <c r="K74" s="99"/>
    </row>
    <row r="75" spans="1:11" ht="16.5" customHeight="1">
      <c r="A75" s="100"/>
      <c r="B75" s="101" t="s">
        <v>690</v>
      </c>
      <c r="C75" s="101"/>
      <c r="D75" s="101"/>
      <c r="E75" s="101"/>
      <c r="F75" s="102"/>
      <c r="G75" s="101"/>
      <c r="H75" s="103"/>
      <c r="I75" s="104"/>
      <c r="J75" s="105"/>
      <c r="K75" s="106"/>
    </row>
    <row r="76" spans="1:11" ht="16.5" customHeight="1">
      <c r="A76" s="93"/>
      <c r="B76" s="94"/>
      <c r="C76" s="94"/>
      <c r="D76" s="94"/>
      <c r="E76" s="94"/>
      <c r="F76" s="95"/>
      <c r="G76" s="94"/>
      <c r="H76" s="96"/>
      <c r="I76" s="97"/>
      <c r="J76" s="98"/>
      <c r="K76" s="99"/>
    </row>
    <row r="77" spans="1:11" ht="16.5" customHeight="1">
      <c r="A77" s="100"/>
      <c r="B77" s="101"/>
      <c r="C77" s="101" t="s">
        <v>691</v>
      </c>
      <c r="D77" s="101"/>
      <c r="E77" s="107" t="s">
        <v>105</v>
      </c>
      <c r="F77" s="102">
        <v>1</v>
      </c>
      <c r="G77" s="101"/>
      <c r="H77" s="103"/>
      <c r="I77" s="104"/>
      <c r="J77" s="105"/>
      <c r="K77" s="106"/>
    </row>
    <row r="78" spans="1:11" ht="16.5" customHeight="1">
      <c r="A78" s="93"/>
      <c r="B78" s="94"/>
      <c r="C78" s="94"/>
      <c r="D78" s="94"/>
      <c r="E78" s="94"/>
      <c r="F78" s="95"/>
      <c r="G78" s="94"/>
      <c r="H78" s="96"/>
      <c r="I78" s="97"/>
      <c r="J78" s="98"/>
      <c r="K78" s="99"/>
    </row>
    <row r="79" spans="1:11" ht="16.5" customHeight="1">
      <c r="A79" s="100"/>
      <c r="B79" s="101"/>
      <c r="C79" s="101" t="s">
        <v>692</v>
      </c>
      <c r="D79" s="101"/>
      <c r="E79" s="107" t="s">
        <v>105</v>
      </c>
      <c r="F79" s="102">
        <v>1</v>
      </c>
      <c r="G79" s="101"/>
      <c r="H79" s="103"/>
      <c r="I79" s="104"/>
      <c r="J79" s="105"/>
      <c r="K79" s="106"/>
    </row>
    <row r="80" spans="1:11" ht="16.5" customHeight="1">
      <c r="A80" s="93"/>
      <c r="B80" s="94"/>
      <c r="C80" s="94"/>
      <c r="D80" s="94"/>
      <c r="E80" s="94"/>
      <c r="F80" s="95"/>
      <c r="G80" s="94"/>
      <c r="H80" s="96"/>
      <c r="I80" s="97"/>
      <c r="J80" s="98"/>
      <c r="K80" s="99"/>
    </row>
    <row r="81" spans="1:11" ht="16.5" customHeight="1">
      <c r="A81" s="100"/>
      <c r="B81" s="101" t="s">
        <v>683</v>
      </c>
      <c r="C81" s="101"/>
      <c r="D81" s="101"/>
      <c r="E81" s="101"/>
      <c r="F81" s="102"/>
      <c r="G81" s="101"/>
      <c r="H81" s="103"/>
      <c r="I81" s="104"/>
      <c r="J81" s="105"/>
      <c r="K81" s="106"/>
    </row>
    <row r="82" spans="1:11" ht="16.5" customHeight="1">
      <c r="A82" s="93"/>
      <c r="B82" s="94"/>
      <c r="C82" s="94"/>
      <c r="D82" s="94"/>
      <c r="E82" s="94"/>
      <c r="F82" s="95"/>
      <c r="G82" s="94"/>
      <c r="H82" s="96"/>
      <c r="I82" s="97"/>
      <c r="J82" s="98"/>
      <c r="K82" s="99"/>
    </row>
    <row r="83" spans="1:11" ht="16.5" customHeight="1">
      <c r="A83" s="100"/>
      <c r="B83" s="101"/>
      <c r="C83" s="101" t="s">
        <v>10</v>
      </c>
      <c r="D83" s="101"/>
      <c r="E83" s="107" t="s">
        <v>14</v>
      </c>
      <c r="F83" s="102">
        <v>1</v>
      </c>
      <c r="G83" s="101"/>
      <c r="H83" s="103"/>
      <c r="I83" s="122"/>
      <c r="J83" s="105"/>
      <c r="K83" s="106"/>
    </row>
    <row r="84" spans="1:11" ht="16.5" customHeight="1">
      <c r="A84" s="93"/>
      <c r="B84" s="94"/>
      <c r="C84" s="94"/>
      <c r="D84" s="94"/>
      <c r="E84" s="94"/>
      <c r="F84" s="95"/>
      <c r="G84" s="94"/>
      <c r="H84" s="96"/>
      <c r="I84" s="97"/>
      <c r="J84" s="98"/>
      <c r="K84" s="99"/>
    </row>
    <row r="85" spans="1:11" ht="16.5" customHeight="1">
      <c r="A85" s="100" t="s">
        <v>18</v>
      </c>
      <c r="B85" s="101"/>
      <c r="C85" s="101"/>
      <c r="D85" s="101"/>
      <c r="E85" s="101"/>
      <c r="F85" s="102"/>
      <c r="G85" s="101"/>
      <c r="H85" s="103"/>
      <c r="I85" s="104"/>
      <c r="J85" s="105"/>
      <c r="K85" s="106"/>
    </row>
    <row r="86" spans="1:11" ht="16.5" customHeight="1">
      <c r="A86" s="93"/>
      <c r="B86" s="94"/>
      <c r="C86" s="94"/>
      <c r="D86" s="94"/>
      <c r="E86" s="94"/>
      <c r="F86" s="95"/>
      <c r="G86" s="94"/>
      <c r="H86" s="96"/>
      <c r="I86" s="97"/>
      <c r="J86" s="98"/>
      <c r="K86" s="99"/>
    </row>
    <row r="87" spans="1:11" ht="16.5" customHeight="1">
      <c r="A87" s="100"/>
      <c r="B87" s="101" t="s">
        <v>693</v>
      </c>
      <c r="C87" s="101"/>
      <c r="D87" s="101"/>
      <c r="E87" s="107" t="s">
        <v>14</v>
      </c>
      <c r="F87" s="102">
        <v>1</v>
      </c>
      <c r="G87" s="101"/>
      <c r="H87" s="123"/>
      <c r="I87" s="104"/>
      <c r="J87" s="105"/>
      <c r="K87" s="106"/>
    </row>
    <row r="88" spans="1:11" ht="16.5" customHeight="1">
      <c r="A88" s="93"/>
      <c r="B88" s="94"/>
      <c r="C88" s="94"/>
      <c r="D88" s="94"/>
      <c r="E88" s="94"/>
      <c r="F88" s="95"/>
      <c r="G88" s="94"/>
      <c r="H88" s="96"/>
      <c r="I88" s="97"/>
      <c r="J88" s="98"/>
      <c r="K88" s="99"/>
    </row>
    <row r="89" spans="1:11" ht="16.5" customHeight="1">
      <c r="A89" s="100" t="s">
        <v>19</v>
      </c>
      <c r="B89" s="101"/>
      <c r="C89" s="101"/>
      <c r="D89" s="101"/>
      <c r="E89" s="101"/>
      <c r="F89" s="102"/>
      <c r="G89" s="101"/>
      <c r="H89" s="103"/>
      <c r="I89" s="104"/>
      <c r="J89" s="105"/>
      <c r="K89" s="121"/>
    </row>
    <row r="90" spans="1:11" ht="16.5" customHeight="1">
      <c r="A90" s="93"/>
      <c r="B90" s="94"/>
      <c r="C90" s="94"/>
      <c r="D90" s="94"/>
      <c r="E90" s="94"/>
      <c r="F90" s="95"/>
      <c r="G90" s="94"/>
      <c r="H90" s="96"/>
      <c r="I90" s="97"/>
      <c r="J90" s="98"/>
      <c r="K90" s="99"/>
    </row>
    <row r="91" spans="1:11" ht="16.5" customHeight="1">
      <c r="A91" s="100"/>
      <c r="B91" s="101"/>
      <c r="C91" s="101"/>
      <c r="D91" s="101"/>
      <c r="E91" s="101"/>
      <c r="F91" s="102"/>
      <c r="G91" s="101"/>
      <c r="H91" s="103"/>
      <c r="I91" s="120"/>
      <c r="J91" s="105"/>
      <c r="K91" s="106"/>
    </row>
    <row r="92" spans="1:11" ht="16.5" customHeight="1">
      <c r="A92" s="93"/>
      <c r="B92" s="94"/>
      <c r="C92" s="94"/>
      <c r="D92" s="94"/>
      <c r="E92" s="94"/>
      <c r="F92" s="95"/>
      <c r="G92" s="94"/>
      <c r="H92" s="96"/>
      <c r="I92" s="97"/>
      <c r="J92" s="98"/>
      <c r="K92" s="99"/>
    </row>
    <row r="93" spans="1:11" ht="16.5" customHeight="1">
      <c r="A93" s="113"/>
      <c r="B93" s="114"/>
      <c r="C93" s="114"/>
      <c r="D93" s="114"/>
      <c r="E93" s="392"/>
      <c r="F93" s="115"/>
      <c r="G93" s="114"/>
      <c r="H93" s="116"/>
      <c r="I93" s="117"/>
      <c r="J93" s="118"/>
      <c r="K93" s="391"/>
    </row>
    <row r="94" spans="1:11">
      <c r="A94" s="124"/>
      <c r="B94" s="124"/>
      <c r="C94" s="124"/>
      <c r="D94" s="124"/>
      <c r="E94" s="124"/>
      <c r="F94" s="124"/>
      <c r="G94" s="124"/>
      <c r="H94" s="125"/>
      <c r="I94" s="124"/>
    </row>
    <row r="171" spans="14:14">
      <c r="N171" s="82">
        <v>516000</v>
      </c>
    </row>
  </sheetData>
  <mergeCells count="1">
    <mergeCell ref="I3:K3"/>
  </mergeCells>
  <phoneticPr fontId="2"/>
  <pageMargins left="0.59055118110236227" right="0.39370078740157483" top="0.59055118110236227" bottom="0.59055118110236227" header="0.51181102362204722" footer="0.31496062992125984"/>
  <pageSetup paperSize="9" scale="98" orientation="landscape" useFirstPageNumber="1" horizontalDpi="4294967292" r:id="rId1"/>
  <headerFooter alignWithMargins="0">
    <oddFooter>&amp;R（内訳書 M － &amp;P&amp; 号）</oddFooter>
  </headerFooter>
  <rowBreaks count="3" manualBreakCount="3">
    <brk id="33" max="16383" man="1"/>
    <brk id="63" max="10" man="1"/>
    <brk id="93"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171"/>
  <sheetViews>
    <sheetView view="pageBreakPreview" zoomScale="85" zoomScaleNormal="75" zoomScaleSheetLayoutView="85" workbookViewId="0">
      <pane ySplit="3" topLeftCell="A4" activePane="bottomLeft" state="frozen"/>
      <selection activeCell="AD20" sqref="AD20"/>
      <selection pane="bottomLeft" activeCell="AD20" sqref="AD20"/>
    </sheetView>
  </sheetViews>
  <sheetFormatPr defaultRowHeight="16.5" customHeight="1"/>
  <cols>
    <col min="1" max="1" width="4.125" style="127" bestFit="1" customWidth="1"/>
    <col min="2" max="2" width="4.25" style="127" bestFit="1" customWidth="1"/>
    <col min="3" max="3" width="2" style="128" customWidth="1"/>
    <col min="4" max="7" width="8.625" style="81" customWidth="1"/>
    <col min="8" max="10" width="10.25" style="81" customWidth="1"/>
    <col min="11" max="11" width="9.375" style="81" customWidth="1"/>
    <col min="12" max="12" width="6.125" style="81" customWidth="1"/>
    <col min="13" max="13" width="12.875" style="81" customWidth="1"/>
    <col min="14" max="14" width="20.5" style="81" customWidth="1"/>
    <col min="15" max="15" width="20.625" style="81" customWidth="1"/>
    <col min="16" max="16" width="9.625" style="81" bestFit="1" customWidth="1"/>
    <col min="17" max="17" width="11.5" style="81" customWidth="1"/>
    <col min="18" max="18" width="13.875" style="81" bestFit="1" customWidth="1"/>
    <col min="19" max="19" width="11.625" style="81" bestFit="1" customWidth="1"/>
    <col min="20" max="20" width="8.375" style="81" bestFit="1" customWidth="1"/>
    <col min="21" max="26" width="9" style="81"/>
    <col min="27" max="27" width="10.75" style="81" bestFit="1" customWidth="1"/>
    <col min="28" max="16384" width="9" style="81"/>
  </cols>
  <sheetData>
    <row r="1" spans="1:27" ht="16.5" customHeight="1">
      <c r="D1" s="81" t="s">
        <v>21</v>
      </c>
    </row>
    <row r="2" spans="1:27" ht="16.5" customHeight="1">
      <c r="A2" s="129"/>
      <c r="B2" s="129"/>
      <c r="D2" s="130"/>
      <c r="E2" s="86"/>
      <c r="F2" s="86"/>
      <c r="G2" s="131" t="s">
        <v>22</v>
      </c>
      <c r="H2" s="132"/>
      <c r="I2" s="86"/>
      <c r="J2" s="133" t="s">
        <v>23</v>
      </c>
      <c r="K2" s="86"/>
      <c r="L2" s="86"/>
      <c r="M2" s="86"/>
      <c r="N2" s="133"/>
      <c r="O2" s="134"/>
    </row>
    <row r="3" spans="1:27" ht="16.5" customHeight="1">
      <c r="A3" s="129"/>
      <c r="B3" s="129"/>
      <c r="D3" s="135" t="s">
        <v>24</v>
      </c>
      <c r="E3" s="92" t="s">
        <v>25</v>
      </c>
      <c r="F3" s="92" t="s">
        <v>26</v>
      </c>
      <c r="G3" s="92" t="s">
        <v>27</v>
      </c>
      <c r="H3" s="92" t="s">
        <v>28</v>
      </c>
      <c r="I3" s="92" t="s">
        <v>29</v>
      </c>
      <c r="J3" s="92" t="s">
        <v>30</v>
      </c>
      <c r="K3" s="92" t="s">
        <v>31</v>
      </c>
      <c r="L3" s="92" t="s">
        <v>32</v>
      </c>
      <c r="M3" s="92" t="s">
        <v>23</v>
      </c>
      <c r="N3" s="92" t="s">
        <v>33</v>
      </c>
      <c r="O3" s="136" t="s">
        <v>34</v>
      </c>
    </row>
    <row r="4" spans="1:27" ht="16.5" customHeight="1">
      <c r="A4" s="129"/>
      <c r="B4" s="129"/>
      <c r="D4" s="130"/>
      <c r="E4" s="86"/>
      <c r="F4" s="86"/>
      <c r="G4" s="2"/>
      <c r="H4" s="2"/>
      <c r="I4" s="86"/>
      <c r="J4" s="86"/>
      <c r="K4" s="137"/>
      <c r="L4" s="133"/>
      <c r="M4" s="3"/>
      <c r="N4" s="3"/>
      <c r="O4" s="134"/>
    </row>
    <row r="5" spans="1:27" ht="16.5" customHeight="1">
      <c r="A5" s="129"/>
      <c r="B5" s="129"/>
      <c r="D5" s="138" t="s">
        <v>2</v>
      </c>
      <c r="E5" s="139"/>
      <c r="F5" s="139"/>
      <c r="G5" s="139"/>
      <c r="H5" s="139"/>
      <c r="I5" s="139"/>
      <c r="J5" s="139"/>
      <c r="K5" s="140"/>
      <c r="L5" s="141"/>
      <c r="M5" s="142"/>
      <c r="N5" s="142"/>
      <c r="O5" s="143"/>
    </row>
    <row r="6" spans="1:27" ht="16.5" customHeight="1">
      <c r="A6" s="129"/>
      <c r="B6" s="129"/>
      <c r="D6" s="144"/>
      <c r="E6" s="145"/>
      <c r="F6" s="145"/>
      <c r="G6" s="145"/>
      <c r="H6" s="145"/>
      <c r="I6" s="145"/>
      <c r="J6" s="145"/>
      <c r="K6" s="146"/>
      <c r="L6" s="147"/>
      <c r="M6" s="148"/>
      <c r="N6" s="148"/>
      <c r="O6" s="149"/>
      <c r="V6" s="150"/>
      <c r="AA6" s="150"/>
    </row>
    <row r="7" spans="1:27" ht="16.5" customHeight="1">
      <c r="A7" s="129"/>
      <c r="B7" s="129"/>
      <c r="D7" s="138"/>
      <c r="E7" s="139" t="s">
        <v>386</v>
      </c>
      <c r="F7" s="139"/>
      <c r="G7" s="139"/>
      <c r="H7" s="139"/>
      <c r="I7" s="139"/>
      <c r="J7" s="139"/>
      <c r="K7" s="140">
        <v>1</v>
      </c>
      <c r="L7" s="141" t="s">
        <v>490</v>
      </c>
      <c r="M7" s="142"/>
      <c r="N7" s="142"/>
      <c r="O7" s="143"/>
    </row>
    <row r="8" spans="1:27" ht="16.5" customHeight="1">
      <c r="A8" s="129"/>
      <c r="B8" s="129"/>
      <c r="D8" s="144"/>
      <c r="E8" s="145"/>
      <c r="F8" s="145"/>
      <c r="G8" s="145"/>
      <c r="H8" s="145"/>
      <c r="I8" s="145"/>
      <c r="J8" s="145"/>
      <c r="K8" s="146"/>
      <c r="L8" s="147"/>
      <c r="M8" s="148"/>
      <c r="N8" s="148"/>
      <c r="O8" s="149"/>
    </row>
    <row r="9" spans="1:27" ht="16.5" customHeight="1">
      <c r="A9" s="129"/>
      <c r="B9" s="129"/>
      <c r="D9" s="138"/>
      <c r="E9" s="139" t="s">
        <v>387</v>
      </c>
      <c r="F9" s="139"/>
      <c r="G9" s="139"/>
      <c r="H9" s="139"/>
      <c r="I9" s="139"/>
      <c r="J9" s="139"/>
      <c r="K9" s="140">
        <v>1</v>
      </c>
      <c r="L9" s="141" t="s">
        <v>490</v>
      </c>
      <c r="M9" s="142"/>
      <c r="N9" s="142"/>
      <c r="O9" s="143"/>
    </row>
    <row r="10" spans="1:27" ht="16.5" customHeight="1">
      <c r="A10" s="129"/>
      <c r="B10" s="129"/>
      <c r="D10" s="144"/>
      <c r="E10" s="145"/>
      <c r="F10" s="145"/>
      <c r="G10" s="145"/>
      <c r="H10" s="145"/>
      <c r="I10" s="145"/>
      <c r="J10" s="145"/>
      <c r="K10" s="146"/>
      <c r="L10" s="147"/>
      <c r="M10" s="148"/>
      <c r="N10" s="148"/>
      <c r="O10" s="149"/>
    </row>
    <row r="11" spans="1:27" ht="16.5" customHeight="1">
      <c r="A11" s="129"/>
      <c r="B11" s="129"/>
      <c r="D11" s="138"/>
      <c r="E11" s="139" t="s">
        <v>388</v>
      </c>
      <c r="F11" s="139"/>
      <c r="G11" s="139"/>
      <c r="H11" s="139"/>
      <c r="I11" s="139"/>
      <c r="J11" s="139"/>
      <c r="K11" s="140">
        <v>1</v>
      </c>
      <c r="L11" s="141" t="s">
        <v>490</v>
      </c>
      <c r="M11" s="142"/>
      <c r="N11" s="142"/>
      <c r="O11" s="143"/>
      <c r="R11" s="151"/>
    </row>
    <row r="12" spans="1:27" ht="16.5" customHeight="1">
      <c r="A12" s="129"/>
      <c r="B12" s="129"/>
      <c r="D12" s="144"/>
      <c r="E12" s="145"/>
      <c r="F12" s="145"/>
      <c r="G12" s="145"/>
      <c r="H12" s="145"/>
      <c r="I12" s="145"/>
      <c r="J12" s="145"/>
      <c r="K12" s="146"/>
      <c r="L12" s="147"/>
      <c r="M12" s="148"/>
      <c r="N12" s="148"/>
      <c r="O12" s="149"/>
      <c r="V12" s="150"/>
      <c r="AA12" s="150"/>
    </row>
    <row r="13" spans="1:27" ht="16.5" customHeight="1">
      <c r="A13" s="129"/>
      <c r="B13" s="129"/>
      <c r="D13" s="138"/>
      <c r="E13" s="139" t="s">
        <v>389</v>
      </c>
      <c r="F13" s="139"/>
      <c r="G13" s="139"/>
      <c r="H13" s="139"/>
      <c r="I13" s="139"/>
      <c r="J13" s="139"/>
      <c r="K13" s="140">
        <v>1</v>
      </c>
      <c r="L13" s="141" t="s">
        <v>349</v>
      </c>
      <c r="M13" s="142"/>
      <c r="N13" s="142"/>
      <c r="O13" s="143"/>
    </row>
    <row r="14" spans="1:27" ht="16.5" customHeight="1">
      <c r="A14" s="129"/>
      <c r="B14" s="129"/>
      <c r="D14" s="144"/>
      <c r="E14" s="145"/>
      <c r="F14" s="145"/>
      <c r="G14" s="145"/>
      <c r="H14" s="145"/>
      <c r="I14" s="145"/>
      <c r="J14" s="145"/>
      <c r="K14" s="146"/>
      <c r="L14" s="147"/>
      <c r="M14" s="148"/>
      <c r="N14" s="148"/>
      <c r="O14" s="149"/>
    </row>
    <row r="15" spans="1:27" ht="16.5" customHeight="1">
      <c r="A15" s="129"/>
      <c r="B15" s="129"/>
      <c r="D15" s="138"/>
      <c r="E15" s="139" t="s">
        <v>390</v>
      </c>
      <c r="F15" s="139"/>
      <c r="G15" s="139"/>
      <c r="H15" s="139"/>
      <c r="I15" s="139"/>
      <c r="J15" s="139"/>
      <c r="K15" s="140">
        <v>1</v>
      </c>
      <c r="L15" s="141" t="s">
        <v>349</v>
      </c>
      <c r="M15" s="142"/>
      <c r="N15" s="142"/>
      <c r="O15" s="143"/>
      <c r="R15" s="151"/>
    </row>
    <row r="16" spans="1:27" ht="16.5" customHeight="1">
      <c r="A16" s="129"/>
      <c r="B16" s="129"/>
      <c r="D16" s="144"/>
      <c r="E16" s="145"/>
      <c r="F16" s="145"/>
      <c r="G16" s="145"/>
      <c r="H16" s="145"/>
      <c r="I16" s="145"/>
      <c r="J16" s="145"/>
      <c r="K16" s="146"/>
      <c r="L16" s="147"/>
      <c r="M16" s="148"/>
      <c r="N16" s="148"/>
      <c r="O16" s="149"/>
      <c r="V16" s="150"/>
      <c r="AA16" s="150"/>
    </row>
    <row r="17" spans="1:27" ht="16.5" customHeight="1">
      <c r="A17" s="129"/>
      <c r="B17" s="129"/>
      <c r="D17" s="138"/>
      <c r="E17" s="139" t="s">
        <v>391</v>
      </c>
      <c r="F17" s="139"/>
      <c r="G17" s="139"/>
      <c r="H17" s="139"/>
      <c r="I17" s="139"/>
      <c r="J17" s="139"/>
      <c r="K17" s="140">
        <v>1</v>
      </c>
      <c r="L17" s="141" t="s">
        <v>349</v>
      </c>
      <c r="M17" s="142"/>
      <c r="N17" s="142"/>
      <c r="O17" s="143"/>
    </row>
    <row r="18" spans="1:27" ht="16.5" customHeight="1">
      <c r="A18" s="129"/>
      <c r="B18" s="129"/>
      <c r="D18" s="144"/>
      <c r="E18" s="145"/>
      <c r="F18" s="145"/>
      <c r="G18" s="145"/>
      <c r="H18" s="145"/>
      <c r="I18" s="145"/>
      <c r="J18" s="145"/>
      <c r="K18" s="146"/>
      <c r="L18" s="147"/>
      <c r="M18" s="148"/>
      <c r="N18" s="148"/>
      <c r="O18" s="149"/>
    </row>
    <row r="19" spans="1:27" ht="16.5" customHeight="1">
      <c r="A19" s="129"/>
      <c r="B19" s="129"/>
      <c r="D19" s="138"/>
      <c r="E19" s="139" t="s">
        <v>392</v>
      </c>
      <c r="F19" s="139"/>
      <c r="G19" s="139"/>
      <c r="H19" s="139"/>
      <c r="I19" s="139"/>
      <c r="J19" s="139"/>
      <c r="K19" s="140">
        <v>3</v>
      </c>
      <c r="L19" s="141" t="s">
        <v>349</v>
      </c>
      <c r="M19" s="142"/>
      <c r="N19" s="142"/>
      <c r="O19" s="143"/>
    </row>
    <row r="20" spans="1:27" ht="16.5" customHeight="1">
      <c r="A20" s="129"/>
      <c r="B20" s="129"/>
      <c r="D20" s="144"/>
      <c r="E20" s="145"/>
      <c r="F20" s="145"/>
      <c r="G20" s="145"/>
      <c r="H20" s="145"/>
      <c r="I20" s="145"/>
      <c r="J20" s="145"/>
      <c r="K20" s="146"/>
      <c r="L20" s="147"/>
      <c r="M20" s="148"/>
      <c r="N20" s="148"/>
      <c r="O20" s="149"/>
    </row>
    <row r="21" spans="1:27" ht="16.5" customHeight="1">
      <c r="A21" s="129"/>
      <c r="B21" s="129"/>
      <c r="D21" s="138"/>
      <c r="E21" s="139" t="s">
        <v>393</v>
      </c>
      <c r="F21" s="139"/>
      <c r="G21" s="139"/>
      <c r="H21" s="139"/>
      <c r="I21" s="139"/>
      <c r="J21" s="139"/>
      <c r="K21" s="140">
        <v>1</v>
      </c>
      <c r="L21" s="141" t="s">
        <v>349</v>
      </c>
      <c r="M21" s="142"/>
      <c r="N21" s="142"/>
      <c r="O21" s="143"/>
    </row>
    <row r="22" spans="1:27" ht="16.5" customHeight="1">
      <c r="A22" s="129"/>
      <c r="B22" s="129"/>
      <c r="D22" s="144"/>
      <c r="E22" s="145"/>
      <c r="F22" s="145"/>
      <c r="G22" s="145"/>
      <c r="H22" s="145"/>
      <c r="I22" s="145"/>
      <c r="J22" s="145"/>
      <c r="K22" s="146"/>
      <c r="L22" s="147"/>
      <c r="M22" s="148"/>
      <c r="N22" s="148"/>
      <c r="O22" s="149"/>
      <c r="V22" s="150"/>
      <c r="AA22" s="150"/>
    </row>
    <row r="23" spans="1:27" ht="16.5" customHeight="1">
      <c r="A23" s="129"/>
      <c r="B23" s="129"/>
      <c r="D23" s="138"/>
      <c r="E23" s="139" t="s">
        <v>489</v>
      </c>
      <c r="F23" s="139"/>
      <c r="G23" s="139"/>
      <c r="H23" s="139"/>
      <c r="I23" s="139"/>
      <c r="J23" s="139"/>
      <c r="K23" s="140">
        <v>1</v>
      </c>
      <c r="L23" s="141" t="s">
        <v>349</v>
      </c>
      <c r="M23" s="142"/>
      <c r="N23" s="142"/>
      <c r="O23" s="143"/>
    </row>
    <row r="24" spans="1:27" ht="16.5" customHeight="1">
      <c r="A24" s="129"/>
      <c r="B24" s="129"/>
      <c r="D24" s="144"/>
      <c r="E24" s="145"/>
      <c r="F24" s="145"/>
      <c r="G24" s="145"/>
      <c r="H24" s="145"/>
      <c r="I24" s="145"/>
      <c r="J24" s="145"/>
      <c r="K24" s="146"/>
      <c r="L24" s="147"/>
      <c r="M24" s="148"/>
      <c r="N24" s="148"/>
      <c r="O24" s="149"/>
    </row>
    <row r="25" spans="1:27" ht="16.5" customHeight="1">
      <c r="A25" s="129"/>
      <c r="B25" s="129"/>
      <c r="D25" s="138"/>
      <c r="E25" s="139" t="s">
        <v>394</v>
      </c>
      <c r="F25" s="139"/>
      <c r="G25" s="139"/>
      <c r="H25" s="139"/>
      <c r="I25" s="139"/>
      <c r="J25" s="139"/>
      <c r="K25" s="140">
        <v>1</v>
      </c>
      <c r="L25" s="141" t="s">
        <v>491</v>
      </c>
      <c r="M25" s="142"/>
      <c r="N25" s="142"/>
      <c r="O25" s="143"/>
    </row>
    <row r="26" spans="1:27" ht="16.5" customHeight="1">
      <c r="A26" s="129"/>
      <c r="B26" s="129"/>
      <c r="D26" s="144"/>
      <c r="E26" s="145"/>
      <c r="F26" s="145"/>
      <c r="G26" s="145"/>
      <c r="H26" s="145"/>
      <c r="I26" s="145"/>
      <c r="J26" s="145"/>
      <c r="K26" s="146"/>
      <c r="L26" s="147"/>
      <c r="M26" s="148"/>
      <c r="N26" s="148"/>
      <c r="O26" s="149"/>
    </row>
    <row r="27" spans="1:27" ht="16.5" customHeight="1">
      <c r="A27" s="129"/>
      <c r="B27" s="129"/>
      <c r="D27" s="138"/>
      <c r="E27" s="139" t="s">
        <v>395</v>
      </c>
      <c r="F27" s="139"/>
      <c r="G27" s="139"/>
      <c r="H27" s="139"/>
      <c r="I27" s="139"/>
      <c r="J27" s="139"/>
      <c r="K27" s="140">
        <v>1</v>
      </c>
      <c r="L27" s="141" t="s">
        <v>491</v>
      </c>
      <c r="M27" s="142"/>
      <c r="N27" s="142"/>
      <c r="O27" s="143"/>
    </row>
    <row r="28" spans="1:27" ht="16.5" customHeight="1">
      <c r="A28" s="129"/>
      <c r="B28" s="129"/>
      <c r="D28" s="144"/>
      <c r="E28" s="145"/>
      <c r="F28" s="145"/>
      <c r="G28" s="145"/>
      <c r="H28" s="145"/>
      <c r="I28" s="145"/>
      <c r="J28" s="145"/>
      <c r="K28" s="146"/>
      <c r="L28" s="147"/>
      <c r="M28" s="148"/>
      <c r="N28" s="148"/>
      <c r="O28" s="149"/>
    </row>
    <row r="29" spans="1:27" ht="16.5" customHeight="1">
      <c r="A29" s="129"/>
      <c r="B29" s="129"/>
      <c r="D29" s="138"/>
      <c r="E29" s="139"/>
      <c r="F29" s="139"/>
      <c r="G29" s="139"/>
      <c r="H29" s="139"/>
      <c r="I29" s="139"/>
      <c r="J29" s="139"/>
      <c r="K29" s="140"/>
      <c r="L29" s="141"/>
      <c r="M29" s="142"/>
      <c r="N29" s="142"/>
      <c r="O29" s="143"/>
    </row>
    <row r="30" spans="1:27" ht="16.5" customHeight="1">
      <c r="A30" s="129"/>
      <c r="B30" s="129"/>
      <c r="D30" s="144"/>
      <c r="E30" s="145"/>
      <c r="F30" s="145"/>
      <c r="G30" s="145"/>
      <c r="H30" s="145"/>
      <c r="I30" s="145"/>
      <c r="J30" s="145"/>
      <c r="K30" s="146"/>
      <c r="L30" s="147"/>
      <c r="M30" s="148"/>
      <c r="N30" s="148"/>
      <c r="O30" s="149"/>
    </row>
    <row r="31" spans="1:27" ht="16.5" customHeight="1">
      <c r="A31" s="129"/>
      <c r="B31" s="129"/>
      <c r="D31" s="138"/>
      <c r="E31" s="139"/>
      <c r="F31" s="139"/>
      <c r="G31" s="139"/>
      <c r="H31" s="139"/>
      <c r="I31" s="139"/>
      <c r="J31" s="139"/>
      <c r="K31" s="140"/>
      <c r="L31" s="141"/>
      <c r="M31" s="142"/>
      <c r="N31" s="142"/>
      <c r="O31" s="143"/>
    </row>
    <row r="32" spans="1:27" ht="16.5" customHeight="1">
      <c r="A32" s="129"/>
      <c r="B32" s="129"/>
      <c r="D32" s="144"/>
      <c r="E32" s="145"/>
      <c r="F32" s="145"/>
      <c r="G32" s="145"/>
      <c r="H32" s="145"/>
      <c r="I32" s="145"/>
      <c r="J32" s="145"/>
      <c r="K32" s="146"/>
      <c r="L32" s="147"/>
      <c r="M32" s="148"/>
      <c r="N32" s="148"/>
      <c r="O32" s="149"/>
    </row>
    <row r="33" spans="1:18" ht="16.5" customHeight="1">
      <c r="A33" s="129"/>
      <c r="B33" s="129"/>
      <c r="D33" s="152" t="s">
        <v>35</v>
      </c>
      <c r="E33" s="153"/>
      <c r="F33" s="153"/>
      <c r="G33" s="153"/>
      <c r="H33" s="153"/>
      <c r="I33" s="153"/>
      <c r="J33" s="153"/>
      <c r="K33" s="154"/>
      <c r="L33" s="92"/>
      <c r="M33" s="155"/>
      <c r="N33" s="155"/>
      <c r="O33" s="156"/>
      <c r="Q33" s="204"/>
      <c r="R33" s="151"/>
    </row>
    <row r="34" spans="1:18" s="157" customFormat="1" ht="16.5" customHeight="1">
      <c r="A34" s="129"/>
      <c r="B34" s="129"/>
      <c r="D34" s="158"/>
      <c r="E34" s="159"/>
      <c r="F34" s="159"/>
      <c r="G34" s="4"/>
      <c r="H34" s="4"/>
      <c r="I34" s="159"/>
      <c r="J34" s="159"/>
      <c r="K34" s="160"/>
      <c r="L34" s="161"/>
      <c r="M34" s="5"/>
      <c r="N34" s="5"/>
      <c r="O34" s="162"/>
    </row>
    <row r="35" spans="1:18" s="157" customFormat="1" ht="16.5" customHeight="1">
      <c r="A35" s="129"/>
      <c r="B35" s="129"/>
      <c r="D35" s="163" t="s">
        <v>45</v>
      </c>
      <c r="E35" s="164"/>
      <c r="F35" s="164"/>
      <c r="G35" s="164"/>
      <c r="H35" s="164"/>
      <c r="I35" s="164"/>
      <c r="J35" s="164"/>
      <c r="K35" s="165"/>
      <c r="L35" s="166"/>
      <c r="M35" s="167"/>
      <c r="N35" s="167"/>
      <c r="O35" s="168"/>
    </row>
    <row r="36" spans="1:18" s="157" customFormat="1" ht="16.5" customHeight="1">
      <c r="A36" s="129"/>
      <c r="B36" s="129"/>
      <c r="D36" s="169"/>
      <c r="E36" s="170"/>
      <c r="F36" s="170"/>
      <c r="G36" s="170"/>
      <c r="H36" s="170"/>
      <c r="I36" s="170"/>
      <c r="J36" s="170"/>
      <c r="K36" s="171"/>
      <c r="L36" s="172"/>
      <c r="M36" s="173"/>
      <c r="N36" s="173"/>
      <c r="O36" s="174"/>
    </row>
    <row r="37" spans="1:18" s="157" customFormat="1" ht="16.5" customHeight="1">
      <c r="A37" s="129"/>
      <c r="B37" s="129"/>
      <c r="D37" s="163"/>
      <c r="E37" s="164"/>
      <c r="F37" s="164"/>
      <c r="G37" s="164"/>
      <c r="H37" s="164"/>
      <c r="I37" s="164"/>
      <c r="J37" s="164"/>
      <c r="K37" s="165"/>
      <c r="L37" s="166"/>
      <c r="M37" s="167"/>
      <c r="N37" s="167"/>
      <c r="O37" s="168"/>
    </row>
    <row r="38" spans="1:18" s="157" customFormat="1" ht="16.5" customHeight="1">
      <c r="A38" s="129"/>
      <c r="B38" s="129"/>
      <c r="D38" s="169"/>
      <c r="E38" s="170"/>
      <c r="F38" s="170"/>
      <c r="G38" s="170"/>
      <c r="H38" s="170"/>
      <c r="I38" s="170"/>
      <c r="J38" s="170"/>
      <c r="K38" s="171"/>
      <c r="L38" s="172"/>
      <c r="M38" s="173"/>
      <c r="N38" s="173"/>
      <c r="O38" s="174"/>
    </row>
    <row r="39" spans="1:18" s="157" customFormat="1" ht="16.5" customHeight="1">
      <c r="A39" s="129"/>
      <c r="B39" s="129"/>
      <c r="D39" s="163"/>
      <c r="E39" s="164" t="s">
        <v>49</v>
      </c>
      <c r="F39" s="164"/>
      <c r="G39" s="164"/>
      <c r="H39" s="164"/>
      <c r="I39" s="164"/>
      <c r="J39" s="164"/>
      <c r="K39" s="165">
        <v>1</v>
      </c>
      <c r="L39" s="166" t="s">
        <v>14</v>
      </c>
      <c r="M39" s="167"/>
      <c r="N39" s="167"/>
      <c r="O39" s="168"/>
    </row>
    <row r="40" spans="1:18" s="157" customFormat="1" ht="16.5" customHeight="1">
      <c r="A40" s="129"/>
      <c r="B40" s="129"/>
      <c r="D40" s="169"/>
      <c r="E40" s="170"/>
      <c r="F40" s="170"/>
      <c r="G40" s="170"/>
      <c r="H40" s="170"/>
      <c r="I40" s="170"/>
      <c r="J40" s="170"/>
      <c r="K40" s="171"/>
      <c r="L40" s="172"/>
      <c r="M40" s="173"/>
      <c r="N40" s="173"/>
      <c r="O40" s="174"/>
    </row>
    <row r="41" spans="1:18" s="157" customFormat="1" ht="16.5" customHeight="1">
      <c r="A41" s="129"/>
      <c r="B41" s="129"/>
      <c r="D41" s="163"/>
      <c r="E41" s="164"/>
      <c r="F41" s="164"/>
      <c r="G41" s="164"/>
      <c r="H41" s="164"/>
      <c r="I41" s="164"/>
      <c r="J41" s="164"/>
      <c r="K41" s="165"/>
      <c r="L41" s="166"/>
      <c r="M41" s="167"/>
      <c r="N41" s="167"/>
      <c r="O41" s="168"/>
    </row>
    <row r="42" spans="1:18" s="157" customFormat="1" ht="16.5" customHeight="1">
      <c r="A42" s="129"/>
      <c r="B42" s="129"/>
      <c r="D42" s="169"/>
      <c r="E42" s="170"/>
      <c r="F42" s="170"/>
      <c r="G42" s="170"/>
      <c r="H42" s="170"/>
      <c r="I42" s="170"/>
      <c r="J42" s="170"/>
      <c r="K42" s="171"/>
      <c r="L42" s="172"/>
      <c r="M42" s="173"/>
      <c r="N42" s="173"/>
      <c r="O42" s="174"/>
    </row>
    <row r="43" spans="1:18" s="157" customFormat="1" ht="16.5" customHeight="1">
      <c r="A43" s="129"/>
      <c r="B43" s="129"/>
      <c r="D43" s="163"/>
      <c r="E43" s="164"/>
      <c r="F43" s="164"/>
      <c r="G43" s="164"/>
      <c r="H43" s="164"/>
      <c r="I43" s="164"/>
      <c r="J43" s="164"/>
      <c r="K43" s="165"/>
      <c r="L43" s="166"/>
      <c r="M43" s="167"/>
      <c r="N43" s="167"/>
      <c r="O43" s="168"/>
    </row>
    <row r="44" spans="1:18" s="157" customFormat="1" ht="16.5" customHeight="1">
      <c r="A44" s="129"/>
      <c r="B44" s="129"/>
      <c r="D44" s="169"/>
      <c r="E44" s="170"/>
      <c r="F44" s="170"/>
      <c r="G44" s="170"/>
      <c r="H44" s="170"/>
      <c r="I44" s="170"/>
      <c r="J44" s="170"/>
      <c r="K44" s="171"/>
      <c r="L44" s="172"/>
      <c r="M44" s="173"/>
      <c r="N44" s="173"/>
      <c r="O44" s="174"/>
    </row>
    <row r="45" spans="1:18" s="157" customFormat="1" ht="16.5" customHeight="1">
      <c r="A45" s="129"/>
      <c r="B45" s="129"/>
      <c r="D45" s="163"/>
      <c r="E45" s="164"/>
      <c r="F45" s="164"/>
      <c r="G45" s="164"/>
      <c r="H45" s="164"/>
      <c r="I45" s="164"/>
      <c r="J45" s="164"/>
      <c r="K45" s="165"/>
      <c r="L45" s="166"/>
      <c r="M45" s="167"/>
      <c r="N45" s="167"/>
      <c r="O45" s="168"/>
    </row>
    <row r="46" spans="1:18" s="157" customFormat="1" ht="16.5" customHeight="1">
      <c r="A46" s="129"/>
      <c r="B46" s="129"/>
      <c r="D46" s="169"/>
      <c r="E46" s="170"/>
      <c r="F46" s="170"/>
      <c r="G46" s="170"/>
      <c r="H46" s="170"/>
      <c r="I46" s="170"/>
      <c r="J46" s="170"/>
      <c r="K46" s="171"/>
      <c r="L46" s="172"/>
      <c r="M46" s="173"/>
      <c r="N46" s="173"/>
      <c r="O46" s="174"/>
    </row>
    <row r="47" spans="1:18" s="157" customFormat="1" ht="16.5" customHeight="1">
      <c r="A47" s="129"/>
      <c r="B47" s="129"/>
      <c r="D47" s="163"/>
      <c r="E47" s="164"/>
      <c r="F47" s="164"/>
      <c r="G47" s="164"/>
      <c r="H47" s="164"/>
      <c r="I47" s="164"/>
      <c r="J47" s="164"/>
      <c r="K47" s="165"/>
      <c r="L47" s="166"/>
      <c r="M47" s="167"/>
      <c r="N47" s="167"/>
      <c r="O47" s="168"/>
    </row>
    <row r="48" spans="1:18" s="157" customFormat="1" ht="16.5" customHeight="1">
      <c r="A48" s="129"/>
      <c r="B48" s="129"/>
      <c r="D48" s="169"/>
      <c r="E48" s="170"/>
      <c r="F48" s="170"/>
      <c r="G48" s="170"/>
      <c r="H48" s="170"/>
      <c r="I48" s="170"/>
      <c r="J48" s="170"/>
      <c r="K48" s="171"/>
      <c r="L48" s="172"/>
      <c r="M48" s="173"/>
      <c r="N48" s="173"/>
      <c r="O48" s="174"/>
    </row>
    <row r="49" spans="1:15" s="157" customFormat="1" ht="16.5" customHeight="1">
      <c r="A49" s="129"/>
      <c r="B49" s="129"/>
      <c r="D49" s="163"/>
      <c r="E49" s="164"/>
      <c r="F49" s="164"/>
      <c r="G49" s="164"/>
      <c r="H49" s="164"/>
      <c r="I49" s="164"/>
      <c r="J49" s="164"/>
      <c r="K49" s="165"/>
      <c r="L49" s="166"/>
      <c r="M49" s="167"/>
      <c r="N49" s="167"/>
      <c r="O49" s="168"/>
    </row>
    <row r="50" spans="1:15" s="157" customFormat="1" ht="16.5" customHeight="1">
      <c r="A50" s="129"/>
      <c r="B50" s="129"/>
      <c r="D50" s="169"/>
      <c r="E50" s="170"/>
      <c r="F50" s="170"/>
      <c r="G50" s="170"/>
      <c r="H50" s="170"/>
      <c r="I50" s="170"/>
      <c r="J50" s="170"/>
      <c r="K50" s="171"/>
      <c r="L50" s="172"/>
      <c r="M50" s="173"/>
      <c r="N50" s="173"/>
      <c r="O50" s="174"/>
    </row>
    <row r="51" spans="1:15" s="157" customFormat="1" ht="16.5" customHeight="1">
      <c r="A51" s="129"/>
      <c r="B51" s="129"/>
      <c r="D51" s="163"/>
      <c r="E51" s="164"/>
      <c r="F51" s="164"/>
      <c r="G51" s="164"/>
      <c r="H51" s="164"/>
      <c r="I51" s="164"/>
      <c r="J51" s="164"/>
      <c r="K51" s="165"/>
      <c r="L51" s="166"/>
      <c r="M51" s="167"/>
      <c r="N51" s="167"/>
      <c r="O51" s="168"/>
    </row>
    <row r="52" spans="1:15" s="157" customFormat="1" ht="16.5" customHeight="1">
      <c r="A52" s="129"/>
      <c r="B52" s="129"/>
      <c r="D52" s="169"/>
      <c r="E52" s="170"/>
      <c r="F52" s="170"/>
      <c r="G52" s="170"/>
      <c r="H52" s="170"/>
      <c r="I52" s="170"/>
      <c r="J52" s="170"/>
      <c r="K52" s="171"/>
      <c r="L52" s="172"/>
      <c r="M52" s="173"/>
      <c r="N52" s="173"/>
      <c r="O52" s="174"/>
    </row>
    <row r="53" spans="1:15" s="157" customFormat="1" ht="16.5" customHeight="1">
      <c r="A53" s="129"/>
      <c r="B53" s="129"/>
      <c r="D53" s="163"/>
      <c r="E53" s="164"/>
      <c r="F53" s="164"/>
      <c r="G53" s="164"/>
      <c r="H53" s="164"/>
      <c r="I53" s="164"/>
      <c r="J53" s="164"/>
      <c r="K53" s="165"/>
      <c r="L53" s="166"/>
      <c r="M53" s="167"/>
      <c r="N53" s="167"/>
      <c r="O53" s="168"/>
    </row>
    <row r="54" spans="1:15" s="157" customFormat="1" ht="16.5" customHeight="1">
      <c r="A54" s="129"/>
      <c r="B54" s="129"/>
      <c r="D54" s="169"/>
      <c r="E54" s="170"/>
      <c r="F54" s="170"/>
      <c r="G54" s="170"/>
      <c r="H54" s="170"/>
      <c r="I54" s="170"/>
      <c r="J54" s="170"/>
      <c r="K54" s="171"/>
      <c r="L54" s="172"/>
      <c r="M54" s="173"/>
      <c r="N54" s="173"/>
      <c r="O54" s="174"/>
    </row>
    <row r="55" spans="1:15" s="157" customFormat="1" ht="16.5" customHeight="1">
      <c r="A55" s="129"/>
      <c r="B55" s="129"/>
      <c r="D55" s="163"/>
      <c r="E55" s="164"/>
      <c r="F55" s="164"/>
      <c r="G55" s="164"/>
      <c r="H55" s="164"/>
      <c r="I55" s="164"/>
      <c r="J55" s="164"/>
      <c r="K55" s="165"/>
      <c r="L55" s="166"/>
      <c r="M55" s="167"/>
      <c r="N55" s="167"/>
      <c r="O55" s="168"/>
    </row>
    <row r="56" spans="1:15" s="157" customFormat="1" ht="16.5" customHeight="1">
      <c r="A56" s="129"/>
      <c r="B56" s="129"/>
      <c r="D56" s="169"/>
      <c r="E56" s="170"/>
      <c r="F56" s="170"/>
      <c r="G56" s="170"/>
      <c r="H56" s="170"/>
      <c r="I56" s="170"/>
      <c r="J56" s="170"/>
      <c r="K56" s="171"/>
      <c r="L56" s="172"/>
      <c r="M56" s="173"/>
      <c r="N56" s="173"/>
      <c r="O56" s="174"/>
    </row>
    <row r="57" spans="1:15" s="157" customFormat="1" ht="16.5" customHeight="1">
      <c r="A57" s="129"/>
      <c r="B57" s="129"/>
      <c r="D57" s="163"/>
      <c r="E57" s="164"/>
      <c r="F57" s="164"/>
      <c r="G57" s="164"/>
      <c r="H57" s="164"/>
      <c r="I57" s="164"/>
      <c r="J57" s="164"/>
      <c r="K57" s="165"/>
      <c r="L57" s="166"/>
      <c r="M57" s="167"/>
      <c r="N57" s="167"/>
      <c r="O57" s="168"/>
    </row>
    <row r="58" spans="1:15" s="157" customFormat="1" ht="16.5" customHeight="1">
      <c r="A58" s="129"/>
      <c r="B58" s="129"/>
      <c r="D58" s="169"/>
      <c r="E58" s="170"/>
      <c r="F58" s="170"/>
      <c r="G58" s="170"/>
      <c r="H58" s="170"/>
      <c r="I58" s="170"/>
      <c r="J58" s="170"/>
      <c r="K58" s="171"/>
      <c r="L58" s="172"/>
      <c r="M58" s="173"/>
      <c r="N58" s="173"/>
      <c r="O58" s="174"/>
    </row>
    <row r="59" spans="1:15" s="157" customFormat="1" ht="16.5" customHeight="1">
      <c r="A59" s="129"/>
      <c r="B59" s="129"/>
      <c r="D59" s="163"/>
      <c r="E59" s="164"/>
      <c r="F59" s="164"/>
      <c r="G59" s="164"/>
      <c r="H59" s="164"/>
      <c r="I59" s="164"/>
      <c r="J59" s="164"/>
      <c r="K59" s="165"/>
      <c r="L59" s="166"/>
      <c r="M59" s="167"/>
      <c r="N59" s="167"/>
      <c r="O59" s="168"/>
    </row>
    <row r="60" spans="1:15" s="157" customFormat="1" ht="16.5" customHeight="1">
      <c r="A60" s="129"/>
      <c r="B60" s="129"/>
      <c r="D60" s="169"/>
      <c r="E60" s="170"/>
      <c r="F60" s="170"/>
      <c r="G60" s="170"/>
      <c r="H60" s="170"/>
      <c r="I60" s="170"/>
      <c r="J60" s="170"/>
      <c r="K60" s="171"/>
      <c r="L60" s="172"/>
      <c r="M60" s="173"/>
      <c r="N60" s="173"/>
      <c r="O60" s="174"/>
    </row>
    <row r="61" spans="1:15" s="157" customFormat="1" ht="16.5" customHeight="1">
      <c r="A61" s="129"/>
      <c r="B61" s="129"/>
      <c r="D61" s="163" t="s">
        <v>50</v>
      </c>
      <c r="E61" s="164"/>
      <c r="F61" s="164"/>
      <c r="G61" s="164"/>
      <c r="H61" s="164"/>
      <c r="I61" s="164"/>
      <c r="J61" s="164"/>
      <c r="K61" s="165"/>
      <c r="L61" s="166"/>
      <c r="M61" s="167"/>
      <c r="N61" s="167"/>
      <c r="O61" s="168"/>
    </row>
    <row r="62" spans="1:15" s="157" customFormat="1" ht="16.5" customHeight="1">
      <c r="A62" s="129"/>
      <c r="B62" s="129"/>
      <c r="D62" s="169"/>
      <c r="E62" s="170"/>
      <c r="F62" s="170"/>
      <c r="G62" s="170"/>
      <c r="H62" s="170"/>
      <c r="I62" s="170"/>
      <c r="J62" s="170"/>
      <c r="K62" s="171"/>
      <c r="L62" s="172"/>
      <c r="M62" s="173"/>
      <c r="N62" s="173"/>
      <c r="O62" s="174"/>
    </row>
    <row r="63" spans="1:15" s="157" customFormat="1" ht="16.5" customHeight="1">
      <c r="A63" s="129"/>
      <c r="B63" s="129"/>
      <c r="D63" s="175"/>
      <c r="E63" s="176"/>
      <c r="F63" s="176"/>
      <c r="G63" s="176"/>
      <c r="H63" s="176"/>
      <c r="I63" s="176"/>
      <c r="J63" s="176"/>
      <c r="K63" s="177"/>
      <c r="L63" s="178"/>
      <c r="M63" s="179"/>
      <c r="N63" s="179"/>
      <c r="O63" s="180"/>
    </row>
    <row r="64" spans="1:15" ht="16.5" customHeight="1">
      <c r="A64" s="129"/>
      <c r="B64" s="129"/>
      <c r="D64" s="130"/>
      <c r="E64" s="86"/>
      <c r="F64" s="86"/>
      <c r="G64" s="2"/>
      <c r="H64" s="2"/>
      <c r="I64" s="86"/>
      <c r="J64" s="86"/>
      <c r="K64" s="137"/>
      <c r="L64" s="133"/>
      <c r="M64" s="3"/>
      <c r="N64" s="3"/>
      <c r="O64" s="134"/>
    </row>
    <row r="65" spans="1:26" ht="16.5" customHeight="1">
      <c r="A65" s="129"/>
      <c r="B65" s="129"/>
      <c r="D65" s="138" t="s">
        <v>16</v>
      </c>
      <c r="E65" s="139"/>
      <c r="F65" s="139"/>
      <c r="G65" s="139"/>
      <c r="H65" s="139"/>
      <c r="I65" s="139"/>
      <c r="J65" s="139"/>
      <c r="K65" s="140"/>
      <c r="L65" s="141"/>
      <c r="M65" s="142"/>
      <c r="N65" s="142"/>
      <c r="O65" s="143"/>
      <c r="T65" s="150"/>
      <c r="U65" s="150"/>
      <c r="V65" s="150"/>
      <c r="W65" s="150"/>
      <c r="X65" s="150"/>
      <c r="Y65" s="150"/>
      <c r="Z65" s="150"/>
    </row>
    <row r="66" spans="1:26" ht="16.5" customHeight="1">
      <c r="A66" s="129"/>
      <c r="B66" s="129"/>
      <c r="D66" s="144"/>
      <c r="E66" s="145"/>
      <c r="F66" s="145"/>
      <c r="G66" s="145"/>
      <c r="H66" s="145"/>
      <c r="I66" s="145"/>
      <c r="J66" s="145"/>
      <c r="K66" s="146"/>
      <c r="L66" s="147"/>
      <c r="M66" s="148"/>
      <c r="N66" s="181"/>
      <c r="O66" s="149"/>
      <c r="Q66" s="150"/>
      <c r="R66" s="150"/>
      <c r="S66" s="150"/>
      <c r="T66" s="150"/>
      <c r="U66" s="150"/>
      <c r="V66" s="150"/>
      <c r="W66" s="150"/>
      <c r="X66" s="150"/>
      <c r="Y66" s="150"/>
      <c r="Z66" s="150"/>
    </row>
    <row r="67" spans="1:26" ht="16.5" customHeight="1">
      <c r="A67" s="129"/>
      <c r="B67" s="129"/>
      <c r="D67" s="138"/>
      <c r="E67" s="139" t="s">
        <v>5</v>
      </c>
      <c r="F67" s="139"/>
      <c r="G67" s="139"/>
      <c r="H67" s="139"/>
      <c r="I67" s="139"/>
      <c r="J67" s="139"/>
      <c r="K67" s="140"/>
      <c r="L67" s="141"/>
      <c r="M67" s="142"/>
      <c r="N67" s="142"/>
      <c r="O67" s="143"/>
      <c r="Q67" s="150"/>
      <c r="R67" s="150"/>
      <c r="S67" s="150"/>
      <c r="T67" s="150"/>
      <c r="U67" s="150"/>
      <c r="V67" s="150"/>
      <c r="W67" s="150"/>
      <c r="X67" s="150"/>
      <c r="Y67" s="150"/>
      <c r="Z67" s="150"/>
    </row>
    <row r="68" spans="1:26" ht="16.5" customHeight="1">
      <c r="A68" s="129"/>
      <c r="B68" s="129"/>
      <c r="D68" s="144"/>
      <c r="E68" s="145"/>
      <c r="F68" s="145"/>
      <c r="G68" s="145"/>
      <c r="H68" s="145"/>
      <c r="I68" s="145"/>
      <c r="J68" s="145"/>
      <c r="K68" s="182"/>
      <c r="L68" s="147"/>
      <c r="M68" s="148"/>
      <c r="N68" s="148"/>
      <c r="O68" s="149"/>
      <c r="Q68" s="150"/>
      <c r="R68" s="150"/>
      <c r="S68" s="150"/>
      <c r="T68" s="150"/>
      <c r="U68" s="150"/>
      <c r="V68" s="150"/>
      <c r="W68" s="183"/>
      <c r="X68" s="184"/>
      <c r="Y68" s="185"/>
      <c r="Z68" s="185"/>
    </row>
    <row r="69" spans="1:26" ht="16.5" customHeight="1">
      <c r="A69" s="129"/>
      <c r="B69" s="129"/>
      <c r="D69" s="138"/>
      <c r="E69" s="139"/>
      <c r="F69" s="139" t="s">
        <v>36</v>
      </c>
      <c r="G69" s="139"/>
      <c r="H69" s="139"/>
      <c r="I69" s="139"/>
      <c r="J69" s="139"/>
      <c r="K69" s="140">
        <v>6</v>
      </c>
      <c r="L69" s="141" t="s">
        <v>37</v>
      </c>
      <c r="M69" s="142"/>
      <c r="N69" s="142"/>
      <c r="O69" s="143"/>
      <c r="Q69" s="150"/>
      <c r="R69" s="150"/>
      <c r="S69" s="150"/>
      <c r="T69" s="150"/>
      <c r="U69" s="150"/>
      <c r="V69" s="150"/>
      <c r="W69" s="183"/>
      <c r="X69" s="184"/>
      <c r="Y69" s="185"/>
      <c r="Z69" s="185"/>
    </row>
    <row r="70" spans="1:26" ht="16.5" customHeight="1">
      <c r="A70" s="129"/>
      <c r="B70" s="129"/>
      <c r="D70" s="144"/>
      <c r="E70" s="145"/>
      <c r="F70" s="145"/>
      <c r="G70" s="145"/>
      <c r="H70" s="145"/>
      <c r="I70" s="145"/>
      <c r="J70" s="145"/>
      <c r="K70" s="182"/>
      <c r="L70" s="147"/>
      <c r="M70" s="148"/>
      <c r="N70" s="148"/>
      <c r="O70" s="149"/>
      <c r="Q70" s="150"/>
      <c r="R70" s="150"/>
      <c r="S70" s="150"/>
      <c r="T70" s="150"/>
      <c r="U70" s="150"/>
      <c r="V70" s="150"/>
      <c r="W70" s="183"/>
      <c r="X70" s="184"/>
      <c r="Y70" s="185"/>
      <c r="Z70" s="185"/>
    </row>
    <row r="71" spans="1:26" ht="16.5" customHeight="1">
      <c r="A71" s="129"/>
      <c r="B71" s="129"/>
      <c r="D71" s="138"/>
      <c r="E71" s="186"/>
      <c r="F71" s="139" t="s">
        <v>39</v>
      </c>
      <c r="G71" s="139"/>
      <c r="H71" s="186"/>
      <c r="I71" s="139"/>
      <c r="J71" s="139"/>
      <c r="K71" s="140">
        <v>4</v>
      </c>
      <c r="L71" s="141" t="s">
        <v>37</v>
      </c>
      <c r="M71" s="187"/>
      <c r="N71" s="142"/>
      <c r="O71" s="143"/>
      <c r="Q71" s="150"/>
      <c r="R71" s="150"/>
      <c r="S71" s="150"/>
      <c r="T71" s="150"/>
      <c r="U71" s="150"/>
      <c r="V71" s="150"/>
      <c r="W71" s="183"/>
      <c r="X71" s="184"/>
      <c r="Y71" s="185"/>
      <c r="Z71" s="185"/>
    </row>
    <row r="72" spans="1:26" ht="16.5" customHeight="1">
      <c r="A72" s="129"/>
      <c r="B72" s="129"/>
      <c r="D72" s="144"/>
      <c r="E72" s="145"/>
      <c r="F72" s="145"/>
      <c r="G72" s="145"/>
      <c r="H72" s="145"/>
      <c r="I72" s="145"/>
      <c r="J72" s="145"/>
      <c r="K72" s="146"/>
      <c r="L72" s="147"/>
      <c r="M72" s="148"/>
      <c r="N72" s="148"/>
      <c r="O72" s="149"/>
    </row>
    <row r="73" spans="1:26" ht="16.5" customHeight="1">
      <c r="A73" s="129"/>
      <c r="B73" s="129"/>
      <c r="D73" s="138"/>
      <c r="E73" s="139"/>
      <c r="F73" s="139" t="s">
        <v>449</v>
      </c>
      <c r="G73" s="139"/>
      <c r="H73" s="139"/>
      <c r="I73" s="139"/>
      <c r="J73" s="139"/>
      <c r="K73" s="140">
        <v>1</v>
      </c>
      <c r="L73" s="141" t="s">
        <v>450</v>
      </c>
      <c r="M73" s="142"/>
      <c r="N73" s="142"/>
      <c r="O73" s="143"/>
    </row>
    <row r="74" spans="1:26" ht="16.5" customHeight="1">
      <c r="A74" s="129"/>
      <c r="B74" s="129"/>
      <c r="D74" s="144"/>
      <c r="E74" s="188"/>
      <c r="F74" s="188"/>
      <c r="G74" s="188"/>
      <c r="H74" s="188"/>
      <c r="I74" s="188"/>
      <c r="J74" s="188"/>
      <c r="K74" s="189"/>
      <c r="L74" s="147"/>
      <c r="M74" s="148"/>
      <c r="N74" s="148"/>
      <c r="O74" s="149"/>
      <c r="Q74" s="150"/>
      <c r="R74" s="150"/>
      <c r="S74" s="150"/>
      <c r="T74" s="150"/>
      <c r="U74" s="150"/>
      <c r="V74" s="150"/>
      <c r="W74" s="150"/>
      <c r="X74" s="150"/>
      <c r="Y74" s="150"/>
      <c r="Z74" s="150"/>
    </row>
    <row r="75" spans="1:26" ht="16.5" customHeight="1">
      <c r="A75" s="129"/>
      <c r="B75" s="129"/>
      <c r="D75" s="138"/>
      <c r="E75" s="139"/>
      <c r="F75" s="139" t="s">
        <v>38</v>
      </c>
      <c r="G75" s="186"/>
      <c r="H75" s="186"/>
      <c r="I75" s="139"/>
      <c r="J75" s="186"/>
      <c r="K75" s="140">
        <v>61</v>
      </c>
      <c r="L75" s="141" t="s">
        <v>37</v>
      </c>
      <c r="M75" s="187"/>
      <c r="N75" s="142"/>
      <c r="O75" s="143"/>
      <c r="Q75" s="150"/>
      <c r="R75" s="150"/>
      <c r="S75" s="150"/>
      <c r="T75" s="150"/>
      <c r="U75" s="150"/>
      <c r="V75" s="150"/>
      <c r="W75" s="150"/>
      <c r="X75" s="150"/>
      <c r="Y75" s="150"/>
      <c r="Z75" s="150"/>
    </row>
    <row r="76" spans="1:26" ht="16.5" customHeight="1">
      <c r="A76" s="129"/>
      <c r="B76" s="129"/>
      <c r="D76" s="144"/>
      <c r="E76" s="145"/>
      <c r="F76" s="145"/>
      <c r="G76" s="145"/>
      <c r="H76" s="145"/>
      <c r="I76" s="145"/>
      <c r="J76" s="145"/>
      <c r="K76" s="146"/>
      <c r="L76" s="147"/>
      <c r="M76" s="148"/>
      <c r="N76" s="148"/>
      <c r="O76" s="149"/>
    </row>
    <row r="77" spans="1:26" ht="16.5" customHeight="1">
      <c r="A77" s="129"/>
      <c r="B77" s="129"/>
      <c r="D77" s="138"/>
      <c r="E77" s="139" t="s">
        <v>40</v>
      </c>
      <c r="F77" s="139"/>
      <c r="G77" s="139"/>
      <c r="H77" s="139"/>
      <c r="I77" s="139"/>
      <c r="J77" s="139"/>
      <c r="K77" s="140"/>
      <c r="L77" s="141"/>
      <c r="M77" s="142"/>
      <c r="N77" s="142"/>
      <c r="O77" s="143"/>
    </row>
    <row r="78" spans="1:26" ht="16.5" customHeight="1">
      <c r="A78" s="129"/>
      <c r="B78" s="129"/>
      <c r="D78" s="144"/>
      <c r="E78" s="145"/>
      <c r="F78" s="145"/>
      <c r="G78" s="145"/>
      <c r="H78" s="145"/>
      <c r="I78" s="145"/>
      <c r="J78" s="145"/>
      <c r="K78" s="146"/>
      <c r="L78" s="147"/>
      <c r="M78" s="148"/>
      <c r="N78" s="148"/>
      <c r="O78" s="149"/>
    </row>
    <row r="79" spans="1:26" ht="16.5" customHeight="1">
      <c r="A79" s="129"/>
      <c r="B79" s="129"/>
      <c r="D79" s="138"/>
      <c r="E79" s="139" t="s">
        <v>41</v>
      </c>
      <c r="F79" s="139"/>
      <c r="G79" s="139"/>
      <c r="H79" s="139"/>
      <c r="I79" s="139"/>
      <c r="J79" s="139"/>
      <c r="K79" s="140"/>
      <c r="L79" s="141"/>
      <c r="M79" s="142"/>
      <c r="N79" s="142"/>
      <c r="O79" s="143"/>
    </row>
    <row r="80" spans="1:26" ht="16.5" customHeight="1">
      <c r="A80" s="129"/>
      <c r="B80" s="129"/>
      <c r="D80" s="144"/>
      <c r="E80" s="145"/>
      <c r="F80" s="145"/>
      <c r="G80" s="145"/>
      <c r="H80" s="145"/>
      <c r="I80" s="145"/>
      <c r="J80" s="145"/>
      <c r="K80" s="146"/>
      <c r="L80" s="147"/>
      <c r="M80" s="148"/>
      <c r="N80" s="148"/>
      <c r="O80" s="149"/>
    </row>
    <row r="81" spans="1:26" ht="16.5" customHeight="1">
      <c r="A81" s="129"/>
      <c r="B81" s="129"/>
      <c r="D81" s="138"/>
      <c r="E81" s="139"/>
      <c r="F81" s="139" t="s">
        <v>42</v>
      </c>
      <c r="G81" s="139"/>
      <c r="H81" s="139"/>
      <c r="I81" s="139"/>
      <c r="J81" s="139"/>
      <c r="K81" s="140">
        <v>61</v>
      </c>
      <c r="L81" s="141" t="s">
        <v>37</v>
      </c>
      <c r="M81" s="142"/>
      <c r="N81" s="142"/>
      <c r="O81" s="143"/>
    </row>
    <row r="82" spans="1:26" ht="16.5" customHeight="1">
      <c r="A82" s="129"/>
      <c r="B82" s="129"/>
      <c r="D82" s="144"/>
      <c r="E82" s="196"/>
      <c r="F82" s="145"/>
      <c r="G82" s="145"/>
      <c r="H82" s="145"/>
      <c r="I82" s="145"/>
      <c r="J82" s="145"/>
      <c r="K82" s="146"/>
      <c r="L82" s="147"/>
      <c r="M82" s="148"/>
      <c r="N82" s="148"/>
      <c r="O82" s="149"/>
    </row>
    <row r="83" spans="1:26" ht="16.5" customHeight="1">
      <c r="A83" s="129"/>
      <c r="B83" s="129"/>
      <c r="D83" s="138"/>
      <c r="E83" s="186" t="s">
        <v>43</v>
      </c>
      <c r="F83" s="139"/>
      <c r="G83" s="139"/>
      <c r="H83" s="139"/>
      <c r="I83" s="139"/>
      <c r="J83" s="139"/>
      <c r="K83" s="140"/>
      <c r="L83" s="141"/>
      <c r="M83" s="142"/>
      <c r="N83" s="142"/>
      <c r="O83" s="143"/>
    </row>
    <row r="84" spans="1:26" ht="16.5" customHeight="1">
      <c r="A84" s="129"/>
      <c r="B84" s="129"/>
      <c r="D84" s="144"/>
      <c r="E84" s="188"/>
      <c r="F84" s="188"/>
      <c r="G84" s="188"/>
      <c r="H84" s="188"/>
      <c r="I84" s="188"/>
      <c r="J84" s="190"/>
      <c r="K84" s="189"/>
      <c r="L84" s="191"/>
      <c r="M84" s="192"/>
      <c r="N84" s="192"/>
      <c r="O84" s="149"/>
    </row>
    <row r="85" spans="1:26" ht="16.5" customHeight="1">
      <c r="A85" s="129"/>
      <c r="B85" s="129"/>
      <c r="D85" s="138"/>
      <c r="E85" s="139" t="s">
        <v>451</v>
      </c>
      <c r="F85" s="139"/>
      <c r="G85" s="186"/>
      <c r="H85" s="186"/>
      <c r="I85" s="139"/>
      <c r="J85" s="193"/>
      <c r="K85" s="140"/>
      <c r="L85" s="194"/>
      <c r="M85" s="187"/>
      <c r="N85" s="142"/>
      <c r="O85" s="143"/>
    </row>
    <row r="86" spans="1:26" ht="16.5" customHeight="1">
      <c r="A86" s="129"/>
      <c r="B86" s="129"/>
      <c r="D86" s="144"/>
      <c r="E86" s="145"/>
      <c r="F86" s="145"/>
      <c r="G86" s="145"/>
      <c r="H86" s="145"/>
      <c r="I86" s="145"/>
      <c r="J86" s="145"/>
      <c r="K86" s="146"/>
      <c r="L86" s="195"/>
      <c r="M86" s="192"/>
      <c r="N86" s="148"/>
      <c r="O86" s="149"/>
    </row>
    <row r="87" spans="1:26" ht="16.5" customHeight="1">
      <c r="A87" s="129"/>
      <c r="B87" s="129"/>
      <c r="D87" s="138"/>
      <c r="E87" s="139"/>
      <c r="F87" s="139" t="s">
        <v>452</v>
      </c>
      <c r="G87" s="139"/>
      <c r="H87" s="139"/>
      <c r="I87" s="139"/>
      <c r="J87" s="139"/>
      <c r="K87" s="140">
        <v>1</v>
      </c>
      <c r="L87" s="141" t="s">
        <v>450</v>
      </c>
      <c r="M87" s="142"/>
      <c r="N87" s="142"/>
      <c r="O87" s="143"/>
    </row>
    <row r="88" spans="1:26" ht="16.5" customHeight="1">
      <c r="A88" s="129"/>
      <c r="B88" s="129"/>
      <c r="D88" s="144"/>
      <c r="E88" s="145"/>
      <c r="F88" s="145"/>
      <c r="G88" s="145"/>
      <c r="H88" s="145"/>
      <c r="I88" s="145"/>
      <c r="J88" s="145"/>
      <c r="K88" s="146"/>
      <c r="L88" s="147"/>
      <c r="M88" s="148"/>
      <c r="N88" s="148"/>
      <c r="O88" s="149"/>
    </row>
    <row r="89" spans="1:26" ht="16.5" customHeight="1">
      <c r="A89" s="129"/>
      <c r="B89" s="129"/>
      <c r="D89" s="138"/>
      <c r="E89" s="139" t="s">
        <v>453</v>
      </c>
      <c r="F89" s="139"/>
      <c r="G89" s="139"/>
      <c r="H89" s="139"/>
      <c r="I89" s="139"/>
      <c r="J89" s="139"/>
      <c r="K89" s="140"/>
      <c r="L89" s="141"/>
      <c r="M89" s="142"/>
      <c r="N89" s="142"/>
      <c r="O89" s="143"/>
    </row>
    <row r="90" spans="1:26" ht="16.5" customHeight="1">
      <c r="A90" s="129"/>
      <c r="B90" s="129"/>
      <c r="D90" s="144"/>
      <c r="E90" s="145"/>
      <c r="F90" s="145"/>
      <c r="G90" s="145"/>
      <c r="H90" s="145"/>
      <c r="I90" s="145"/>
      <c r="J90" s="145"/>
      <c r="K90" s="182"/>
      <c r="L90" s="147"/>
      <c r="M90" s="148"/>
      <c r="N90" s="148"/>
      <c r="O90" s="149"/>
      <c r="Q90" s="150"/>
      <c r="R90" s="150"/>
      <c r="S90" s="150"/>
      <c r="T90" s="150"/>
      <c r="U90" s="150"/>
      <c r="V90" s="150"/>
      <c r="W90" s="183"/>
      <c r="X90" s="184"/>
      <c r="Y90" s="185"/>
      <c r="Z90" s="197"/>
    </row>
    <row r="91" spans="1:26" ht="16.5" customHeight="1">
      <c r="A91" s="129"/>
      <c r="B91" s="129"/>
      <c r="D91" s="138"/>
      <c r="E91" s="139"/>
      <c r="F91" s="139"/>
      <c r="G91" s="139"/>
      <c r="H91" s="139"/>
      <c r="I91" s="139"/>
      <c r="J91" s="139"/>
      <c r="K91" s="140"/>
      <c r="L91" s="141"/>
      <c r="M91" s="142"/>
      <c r="N91" s="142"/>
      <c r="O91" s="143"/>
      <c r="Q91" s="150"/>
      <c r="R91" s="150"/>
      <c r="S91" s="150"/>
      <c r="T91" s="150"/>
      <c r="U91" s="150"/>
      <c r="V91" s="150"/>
      <c r="W91" s="183"/>
      <c r="X91" s="184"/>
      <c r="Y91" s="185"/>
      <c r="Z91" s="185"/>
    </row>
    <row r="92" spans="1:26" ht="16.5" customHeight="1">
      <c r="A92" s="129"/>
      <c r="B92" s="129"/>
      <c r="D92" s="144"/>
      <c r="E92" s="145"/>
      <c r="F92" s="145"/>
      <c r="G92" s="145"/>
      <c r="H92" s="145"/>
      <c r="I92" s="145"/>
      <c r="J92" s="145"/>
      <c r="K92" s="146"/>
      <c r="L92" s="147" t="s">
        <v>454</v>
      </c>
      <c r="M92" s="148"/>
      <c r="N92" s="148"/>
      <c r="O92" s="198"/>
    </row>
    <row r="93" spans="1:26" ht="16.5" customHeight="1">
      <c r="A93" s="129"/>
      <c r="B93" s="129"/>
      <c r="D93" s="152" t="s">
        <v>44</v>
      </c>
      <c r="E93" s="153"/>
      <c r="F93" s="153"/>
      <c r="G93" s="153"/>
      <c r="H93" s="153"/>
      <c r="I93" s="153"/>
      <c r="J93" s="153"/>
      <c r="K93" s="154"/>
      <c r="L93" s="92"/>
      <c r="M93" s="155"/>
      <c r="N93" s="155"/>
      <c r="O93" s="199"/>
    </row>
    <row r="94" spans="1:26" s="157" customFormat="1" ht="16.5" customHeight="1">
      <c r="A94" s="129"/>
      <c r="B94" s="129"/>
      <c r="D94" s="158"/>
      <c r="E94" s="159"/>
      <c r="F94" s="159"/>
      <c r="G94" s="4"/>
      <c r="H94" s="4"/>
      <c r="I94" s="159"/>
      <c r="J94" s="159"/>
      <c r="K94" s="160"/>
      <c r="L94" s="161"/>
      <c r="M94" s="5"/>
      <c r="N94" s="5"/>
      <c r="O94" s="162"/>
    </row>
    <row r="95" spans="1:26" s="157" customFormat="1" ht="16.5" customHeight="1">
      <c r="A95" s="129"/>
      <c r="B95" s="129"/>
      <c r="D95" s="163" t="s">
        <v>46</v>
      </c>
      <c r="E95" s="164"/>
      <c r="F95" s="164"/>
      <c r="G95" s="164"/>
      <c r="H95" s="164"/>
      <c r="I95" s="164"/>
      <c r="J95" s="164"/>
      <c r="K95" s="165"/>
      <c r="L95" s="166"/>
      <c r="M95" s="167"/>
      <c r="N95" s="167"/>
      <c r="O95" s="168"/>
    </row>
    <row r="96" spans="1:26" s="157" customFormat="1" ht="16.5" customHeight="1">
      <c r="A96" s="129"/>
      <c r="B96" s="129"/>
      <c r="D96" s="169"/>
      <c r="E96" s="170"/>
      <c r="F96" s="170"/>
      <c r="G96" s="170"/>
      <c r="H96" s="170"/>
      <c r="I96" s="170"/>
      <c r="J96" s="170"/>
      <c r="K96" s="171"/>
      <c r="L96" s="172"/>
      <c r="M96" s="173"/>
      <c r="N96" s="173"/>
      <c r="O96" s="174"/>
    </row>
    <row r="97" spans="1:17" s="157" customFormat="1" ht="16.5" customHeight="1">
      <c r="A97" s="129"/>
      <c r="B97" s="129"/>
      <c r="D97" s="163"/>
      <c r="E97" s="164" t="s">
        <v>47</v>
      </c>
      <c r="F97" s="164"/>
      <c r="G97" s="164"/>
      <c r="H97" s="164"/>
      <c r="I97" s="164"/>
      <c r="J97" s="164"/>
      <c r="K97" s="165">
        <v>1</v>
      </c>
      <c r="L97" s="166" t="s">
        <v>14</v>
      </c>
      <c r="M97" s="167"/>
      <c r="N97" s="167"/>
      <c r="O97" s="168"/>
      <c r="Q97" s="200"/>
    </row>
    <row r="98" spans="1:17" s="157" customFormat="1" ht="16.5" customHeight="1">
      <c r="A98" s="129"/>
      <c r="B98" s="129"/>
      <c r="D98" s="169"/>
      <c r="E98" s="170"/>
      <c r="F98" s="170"/>
      <c r="G98" s="170"/>
      <c r="H98" s="170"/>
      <c r="I98" s="170"/>
      <c r="J98" s="170"/>
      <c r="K98" s="171"/>
      <c r="L98" s="172"/>
      <c r="M98" s="173"/>
      <c r="N98" s="173"/>
      <c r="O98" s="174"/>
    </row>
    <row r="99" spans="1:17" s="157" customFormat="1" ht="16.5" customHeight="1">
      <c r="A99" s="129"/>
      <c r="B99" s="129"/>
      <c r="D99" s="163"/>
      <c r="E99" s="164" t="s">
        <v>467</v>
      </c>
      <c r="F99" s="164"/>
      <c r="G99" s="164"/>
      <c r="H99" s="164"/>
      <c r="I99" s="164"/>
      <c r="J99" s="164"/>
      <c r="K99" s="165">
        <v>1</v>
      </c>
      <c r="L99" s="166" t="s">
        <v>381</v>
      </c>
      <c r="M99" s="167"/>
      <c r="N99" s="167"/>
      <c r="O99" s="168"/>
    </row>
    <row r="100" spans="1:17" s="157" customFormat="1" ht="16.5" customHeight="1">
      <c r="A100" s="129"/>
      <c r="B100" s="129"/>
      <c r="D100" s="169"/>
      <c r="E100" s="170"/>
      <c r="F100" s="170"/>
      <c r="G100" s="170"/>
      <c r="H100" s="170"/>
      <c r="I100" s="170"/>
      <c r="J100" s="170"/>
      <c r="K100" s="171"/>
      <c r="L100" s="172"/>
      <c r="M100" s="173"/>
      <c r="N100" s="173"/>
      <c r="O100" s="174"/>
    </row>
    <row r="101" spans="1:17" s="157" customFormat="1" ht="16.5" customHeight="1">
      <c r="A101" s="129"/>
      <c r="B101" s="129"/>
      <c r="D101" s="163"/>
      <c r="E101" s="164" t="s">
        <v>484</v>
      </c>
      <c r="F101" s="164"/>
      <c r="G101" s="164"/>
      <c r="H101" s="164"/>
      <c r="I101" s="164"/>
      <c r="J101" s="164"/>
      <c r="K101" s="165">
        <v>1</v>
      </c>
      <c r="L101" s="166" t="s">
        <v>448</v>
      </c>
      <c r="M101" s="167"/>
      <c r="N101" s="167"/>
      <c r="O101" s="168"/>
      <c r="Q101" s="200"/>
    </row>
    <row r="102" spans="1:17" s="157" customFormat="1" ht="16.5" customHeight="1">
      <c r="A102" s="129"/>
      <c r="B102" s="129"/>
      <c r="D102" s="169"/>
      <c r="E102" s="170"/>
      <c r="F102" s="170"/>
      <c r="G102" s="170"/>
      <c r="H102" s="170"/>
      <c r="I102" s="170"/>
      <c r="J102" s="170"/>
      <c r="K102" s="171"/>
      <c r="L102" s="172"/>
      <c r="M102" s="173"/>
      <c r="N102" s="173"/>
      <c r="O102" s="174"/>
    </row>
    <row r="103" spans="1:17" s="157" customFormat="1" ht="16.5" customHeight="1">
      <c r="A103" s="129"/>
      <c r="B103" s="129"/>
      <c r="D103" s="163"/>
      <c r="E103" s="164" t="s">
        <v>485</v>
      </c>
      <c r="F103" s="164"/>
      <c r="G103" s="164"/>
      <c r="H103" s="164"/>
      <c r="I103" s="164"/>
      <c r="J103" s="164"/>
      <c r="K103" s="165">
        <v>1</v>
      </c>
      <c r="L103" s="166" t="s">
        <v>468</v>
      </c>
      <c r="M103" s="167"/>
      <c r="N103" s="167"/>
      <c r="O103" s="168"/>
      <c r="Q103" s="200"/>
    </row>
    <row r="104" spans="1:17" s="157" customFormat="1" ht="16.5" customHeight="1">
      <c r="A104" s="129"/>
      <c r="B104" s="129"/>
      <c r="D104" s="169"/>
      <c r="E104" s="170"/>
      <c r="F104" s="170"/>
      <c r="G104" s="170"/>
      <c r="H104" s="170"/>
      <c r="I104" s="170"/>
      <c r="J104" s="170"/>
      <c r="K104" s="171"/>
      <c r="L104" s="172"/>
      <c r="M104" s="173"/>
      <c r="N104" s="173"/>
      <c r="O104" s="174"/>
    </row>
    <row r="105" spans="1:17" s="157" customFormat="1" ht="16.5" customHeight="1">
      <c r="A105" s="129"/>
      <c r="B105" s="129"/>
      <c r="D105" s="163"/>
      <c r="E105" s="164"/>
      <c r="F105" s="164"/>
      <c r="G105" s="164"/>
      <c r="H105" s="164"/>
      <c r="I105" s="164"/>
      <c r="J105" s="164"/>
      <c r="K105" s="165"/>
      <c r="L105" s="166"/>
      <c r="M105" s="167"/>
      <c r="N105" s="167"/>
      <c r="O105" s="168"/>
      <c r="Q105" s="200"/>
    </row>
    <row r="106" spans="1:17" s="201" customFormat="1" ht="16.5" customHeight="1">
      <c r="A106" s="129"/>
      <c r="B106" s="129"/>
      <c r="D106" s="169"/>
      <c r="E106" s="170"/>
      <c r="F106" s="170"/>
      <c r="G106" s="170"/>
      <c r="H106" s="170"/>
      <c r="I106" s="170"/>
      <c r="J106" s="170"/>
      <c r="K106" s="171"/>
      <c r="L106" s="172"/>
      <c r="M106" s="173"/>
      <c r="N106" s="173"/>
      <c r="O106" s="174"/>
    </row>
    <row r="107" spans="1:17" s="202" customFormat="1" ht="16.5" customHeight="1">
      <c r="A107" s="129"/>
      <c r="B107" s="129"/>
      <c r="D107" s="163"/>
      <c r="E107" s="164"/>
      <c r="F107" s="164"/>
      <c r="G107" s="164"/>
      <c r="H107" s="164"/>
      <c r="I107" s="164"/>
      <c r="J107" s="164"/>
      <c r="K107" s="165"/>
      <c r="L107" s="166"/>
      <c r="M107" s="167"/>
      <c r="N107" s="167"/>
      <c r="O107" s="168"/>
    </row>
    <row r="108" spans="1:17" s="157" customFormat="1" ht="16.5" customHeight="1">
      <c r="A108" s="129"/>
      <c r="B108" s="129"/>
      <c r="D108" s="169"/>
      <c r="E108" s="170"/>
      <c r="F108" s="170"/>
      <c r="G108" s="170"/>
      <c r="H108" s="170"/>
      <c r="I108" s="170"/>
      <c r="J108" s="170"/>
      <c r="K108" s="171"/>
      <c r="L108" s="172"/>
      <c r="M108" s="173"/>
      <c r="N108" s="173"/>
      <c r="O108" s="174"/>
    </row>
    <row r="109" spans="1:17" s="157" customFormat="1" ht="16.5" customHeight="1">
      <c r="A109" s="129"/>
      <c r="B109" s="129"/>
      <c r="D109" s="163"/>
      <c r="E109" s="164"/>
      <c r="F109" s="164"/>
      <c r="G109" s="164"/>
      <c r="H109" s="164"/>
      <c r="I109" s="164"/>
      <c r="J109" s="164"/>
      <c r="K109" s="165"/>
      <c r="L109" s="166"/>
      <c r="M109" s="167"/>
      <c r="N109" s="167"/>
      <c r="O109" s="168"/>
    </row>
    <row r="110" spans="1:17" s="157" customFormat="1" ht="16.5" customHeight="1">
      <c r="A110" s="129"/>
      <c r="B110" s="129"/>
      <c r="D110" s="169"/>
      <c r="E110" s="170"/>
      <c r="F110" s="170"/>
      <c r="G110" s="170"/>
      <c r="H110" s="170"/>
      <c r="I110" s="170"/>
      <c r="J110" s="170"/>
      <c r="K110" s="171"/>
      <c r="L110" s="172"/>
      <c r="M110" s="173"/>
      <c r="N110" s="173"/>
      <c r="O110" s="174"/>
    </row>
    <row r="111" spans="1:17" s="157" customFormat="1" ht="16.5" customHeight="1">
      <c r="A111" s="129"/>
      <c r="B111" s="129"/>
      <c r="D111" s="163"/>
      <c r="E111" s="164"/>
      <c r="F111" s="164"/>
      <c r="G111" s="164"/>
      <c r="H111" s="164"/>
      <c r="I111" s="164"/>
      <c r="J111" s="164"/>
      <c r="K111" s="165"/>
      <c r="L111" s="166"/>
      <c r="M111" s="167"/>
      <c r="N111" s="167"/>
      <c r="O111" s="168"/>
    </row>
    <row r="112" spans="1:17" s="157" customFormat="1" ht="16.5" customHeight="1">
      <c r="A112" s="129"/>
      <c r="B112" s="129"/>
      <c r="D112" s="169"/>
      <c r="E112" s="170"/>
      <c r="F112" s="170"/>
      <c r="G112" s="170"/>
      <c r="H112" s="170"/>
      <c r="I112" s="170"/>
      <c r="J112" s="170"/>
      <c r="K112" s="171"/>
      <c r="L112" s="172"/>
      <c r="M112" s="173"/>
      <c r="N112" s="173"/>
      <c r="O112" s="174"/>
    </row>
    <row r="113" spans="1:15" s="157" customFormat="1" ht="16.5" customHeight="1">
      <c r="A113" s="129"/>
      <c r="B113" s="129"/>
      <c r="D113" s="163"/>
      <c r="E113" s="164"/>
      <c r="F113" s="164"/>
      <c r="G113" s="164"/>
      <c r="H113" s="164"/>
      <c r="I113" s="164"/>
      <c r="J113" s="164"/>
      <c r="K113" s="165"/>
      <c r="L113" s="166"/>
      <c r="M113" s="167"/>
      <c r="N113" s="167"/>
      <c r="O113" s="168"/>
    </row>
    <row r="114" spans="1:15" s="157" customFormat="1" ht="16.5" customHeight="1">
      <c r="A114" s="129"/>
      <c r="B114" s="129"/>
      <c r="D114" s="169"/>
      <c r="E114" s="170"/>
      <c r="F114" s="170"/>
      <c r="G114" s="170"/>
      <c r="H114" s="170"/>
      <c r="I114" s="170"/>
      <c r="J114" s="170"/>
      <c r="K114" s="171"/>
      <c r="L114" s="172"/>
      <c r="M114" s="173"/>
      <c r="N114" s="173"/>
      <c r="O114" s="174"/>
    </row>
    <row r="115" spans="1:15" s="157" customFormat="1" ht="16.5" customHeight="1">
      <c r="A115" s="129"/>
      <c r="B115" s="129"/>
      <c r="D115" s="163"/>
      <c r="E115" s="164"/>
      <c r="F115" s="164"/>
      <c r="G115" s="164"/>
      <c r="H115" s="164"/>
      <c r="I115" s="164"/>
      <c r="J115" s="164"/>
      <c r="K115" s="165"/>
      <c r="L115" s="166"/>
      <c r="M115" s="167"/>
      <c r="N115" s="167"/>
      <c r="O115" s="168"/>
    </row>
    <row r="116" spans="1:15" s="157" customFormat="1" ht="16.5" customHeight="1">
      <c r="A116" s="129"/>
      <c r="B116" s="129"/>
      <c r="D116" s="169"/>
      <c r="E116" s="170"/>
      <c r="F116" s="170"/>
      <c r="G116" s="170"/>
      <c r="H116" s="170"/>
      <c r="I116" s="170"/>
      <c r="J116" s="170"/>
      <c r="K116" s="171"/>
      <c r="L116" s="172"/>
      <c r="M116" s="173"/>
      <c r="N116" s="173"/>
      <c r="O116" s="174"/>
    </row>
    <row r="117" spans="1:15" s="157" customFormat="1" ht="16.5" customHeight="1">
      <c r="A117" s="129"/>
      <c r="B117" s="129"/>
      <c r="D117" s="163"/>
      <c r="E117" s="164"/>
      <c r="F117" s="164"/>
      <c r="G117" s="164"/>
      <c r="H117" s="164"/>
      <c r="I117" s="164"/>
      <c r="J117" s="164"/>
      <c r="K117" s="165"/>
      <c r="L117" s="166"/>
      <c r="M117" s="167"/>
      <c r="N117" s="167"/>
      <c r="O117" s="168"/>
    </row>
    <row r="118" spans="1:15" s="157" customFormat="1" ht="16.5" customHeight="1">
      <c r="A118" s="129"/>
      <c r="B118" s="129"/>
      <c r="D118" s="169"/>
      <c r="E118" s="170"/>
      <c r="F118" s="170"/>
      <c r="G118" s="170"/>
      <c r="H118" s="170"/>
      <c r="I118" s="170"/>
      <c r="J118" s="170"/>
      <c r="K118" s="171"/>
      <c r="L118" s="172"/>
      <c r="M118" s="173"/>
      <c r="N118" s="173"/>
      <c r="O118" s="174"/>
    </row>
    <row r="119" spans="1:15" s="157" customFormat="1" ht="16.5" customHeight="1">
      <c r="A119" s="129"/>
      <c r="B119" s="129"/>
      <c r="D119" s="163"/>
      <c r="E119" s="164"/>
      <c r="F119" s="164"/>
      <c r="G119" s="164"/>
      <c r="H119" s="164"/>
      <c r="I119" s="164"/>
      <c r="J119" s="164"/>
      <c r="K119" s="165"/>
      <c r="L119" s="166"/>
      <c r="M119" s="167"/>
      <c r="N119" s="167"/>
      <c r="O119" s="168"/>
    </row>
    <row r="120" spans="1:15" s="157" customFormat="1" ht="16.5" customHeight="1">
      <c r="A120" s="129"/>
      <c r="B120" s="129"/>
      <c r="D120" s="169"/>
      <c r="E120" s="170"/>
      <c r="F120" s="170"/>
      <c r="G120" s="170"/>
      <c r="H120" s="170"/>
      <c r="I120" s="170"/>
      <c r="J120" s="170"/>
      <c r="K120" s="171"/>
      <c r="L120" s="172"/>
      <c r="M120" s="173"/>
      <c r="N120" s="173"/>
      <c r="O120" s="174"/>
    </row>
    <row r="121" spans="1:15" s="157" customFormat="1" ht="16.5" customHeight="1">
      <c r="A121" s="129"/>
      <c r="B121" s="129"/>
      <c r="D121" s="163" t="s">
        <v>48</v>
      </c>
      <c r="E121" s="164"/>
      <c r="F121" s="164"/>
      <c r="G121" s="164"/>
      <c r="H121" s="164"/>
      <c r="I121" s="164"/>
      <c r="J121" s="164"/>
      <c r="K121" s="165"/>
      <c r="L121" s="166"/>
      <c r="M121" s="167"/>
      <c r="N121" s="167"/>
      <c r="O121" s="168"/>
    </row>
    <row r="122" spans="1:15" s="157" customFormat="1" ht="16.5" customHeight="1">
      <c r="A122" s="129"/>
      <c r="B122" s="129"/>
      <c r="D122" s="169"/>
      <c r="E122" s="170"/>
      <c r="F122" s="170"/>
      <c r="G122" s="170"/>
      <c r="H122" s="170"/>
      <c r="I122" s="170"/>
      <c r="J122" s="170"/>
      <c r="K122" s="171"/>
      <c r="L122" s="172"/>
      <c r="M122" s="173"/>
      <c r="N122" s="173"/>
      <c r="O122" s="174"/>
    </row>
    <row r="123" spans="1:15" s="157" customFormat="1" ht="16.5" customHeight="1">
      <c r="A123" s="129"/>
      <c r="B123" s="129"/>
      <c r="D123" s="175"/>
      <c r="E123" s="176"/>
      <c r="F123" s="176"/>
      <c r="G123" s="176"/>
      <c r="H123" s="176"/>
      <c r="I123" s="176"/>
      <c r="J123" s="176"/>
      <c r="K123" s="177"/>
      <c r="L123" s="178"/>
      <c r="M123" s="179"/>
      <c r="N123" s="179"/>
      <c r="O123" s="180"/>
    </row>
    <row r="171" spans="14:14" ht="16.5" customHeight="1">
      <c r="N171" s="81">
        <v>516000</v>
      </c>
    </row>
  </sheetData>
  <phoneticPr fontId="3"/>
  <printOptions horizontalCentered="1" verticalCentered="1"/>
  <pageMargins left="0.19685039370078741" right="0.19685039370078741" top="0.47244094488188981" bottom="0.70866141732283472" header="0.51181102362204722" footer="0.51181102362204722"/>
  <pageSetup paperSize="9" orientation="landscape" useFirstPageNumber="1" horizontalDpi="4294967292" r:id="rId1"/>
  <headerFooter alignWithMargins="0">
    <oddFooter>&amp;R（明細書 PM - &amp;P号）</oddFooter>
  </headerFooter>
  <rowBreaks count="3" manualBreakCount="3">
    <brk id="33" min="3" max="14" man="1"/>
    <brk id="63" min="3" max="14" man="1"/>
    <brk id="93" min="3" max="14"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378"/>
  <sheetViews>
    <sheetView view="pageBreakPreview" zoomScale="85" zoomScaleNormal="75" zoomScaleSheetLayoutView="85" workbookViewId="0">
      <selection activeCell="AD20" sqref="AD20"/>
    </sheetView>
  </sheetViews>
  <sheetFormatPr defaultRowHeight="16.5" customHeight="1"/>
  <cols>
    <col min="1" max="1" width="4.125" style="127" bestFit="1" customWidth="1"/>
    <col min="2" max="2" width="4.25" style="127" bestFit="1" customWidth="1"/>
    <col min="3" max="3" width="2" style="128" customWidth="1"/>
    <col min="4" max="6" width="8.625" style="81" customWidth="1"/>
    <col min="7" max="7" width="13.5" style="81" customWidth="1"/>
    <col min="8" max="10" width="10.25" style="81" customWidth="1"/>
    <col min="11" max="11" width="9.375" style="81" customWidth="1"/>
    <col min="12" max="12" width="6.125" style="81" customWidth="1"/>
    <col min="13" max="13" width="12.875" style="81" customWidth="1"/>
    <col min="14" max="14" width="20.5" style="81" customWidth="1"/>
    <col min="15" max="15" width="20.625" style="81" customWidth="1"/>
    <col min="16" max="16" width="9.625" style="81" bestFit="1" customWidth="1"/>
    <col min="17" max="17" width="11.5" style="81" customWidth="1"/>
    <col min="18" max="18" width="13.875" style="81" bestFit="1" customWidth="1"/>
    <col min="19" max="19" width="11.625" style="81" bestFit="1" customWidth="1"/>
    <col min="20" max="20" width="8.375" style="81" bestFit="1" customWidth="1"/>
    <col min="21" max="26" width="9" style="81"/>
    <col min="27" max="27" width="10.75" style="81" bestFit="1" customWidth="1"/>
    <col min="28" max="16384" width="9" style="81"/>
  </cols>
  <sheetData>
    <row r="1" spans="1:27" ht="16.5" customHeight="1">
      <c r="D1" s="81" t="s">
        <v>481</v>
      </c>
    </row>
    <row r="2" spans="1:27" ht="16.5" customHeight="1">
      <c r="A2" s="129"/>
      <c r="B2" s="129"/>
      <c r="D2" s="130"/>
      <c r="E2" s="86"/>
      <c r="F2" s="86"/>
      <c r="G2" s="131" t="s">
        <v>22</v>
      </c>
      <c r="H2" s="132"/>
      <c r="I2" s="86"/>
      <c r="J2" s="133" t="s">
        <v>23</v>
      </c>
      <c r="K2" s="86"/>
      <c r="L2" s="86"/>
      <c r="M2" s="86"/>
      <c r="N2" s="133"/>
      <c r="O2" s="134"/>
    </row>
    <row r="3" spans="1:27" ht="16.5" customHeight="1">
      <c r="A3" s="129"/>
      <c r="B3" s="129"/>
      <c r="D3" s="135" t="s">
        <v>24</v>
      </c>
      <c r="E3" s="92" t="s">
        <v>25</v>
      </c>
      <c r="F3" s="92" t="s">
        <v>26</v>
      </c>
      <c r="G3" s="92" t="s">
        <v>27</v>
      </c>
      <c r="H3" s="92" t="s">
        <v>28</v>
      </c>
      <c r="I3" s="92" t="s">
        <v>29</v>
      </c>
      <c r="J3" s="92" t="s">
        <v>30</v>
      </c>
      <c r="K3" s="92" t="s">
        <v>31</v>
      </c>
      <c r="L3" s="92" t="s">
        <v>32</v>
      </c>
      <c r="M3" s="92" t="s">
        <v>23</v>
      </c>
      <c r="N3" s="92" t="s">
        <v>33</v>
      </c>
      <c r="O3" s="136" t="s">
        <v>34</v>
      </c>
    </row>
    <row r="4" spans="1:27" ht="16.5" customHeight="1">
      <c r="A4" s="129"/>
      <c r="B4" s="129"/>
      <c r="D4" s="130"/>
      <c r="E4" s="86"/>
      <c r="F4" s="86"/>
      <c r="G4" s="2"/>
      <c r="H4" s="2"/>
      <c r="I4" s="86"/>
      <c r="J4" s="86"/>
      <c r="K4" s="137"/>
      <c r="L4" s="133"/>
      <c r="M4" s="3"/>
      <c r="N4" s="3"/>
      <c r="O4" s="134"/>
    </row>
    <row r="5" spans="1:27" ht="16.5" customHeight="1">
      <c r="A5" s="129"/>
      <c r="B5" s="129"/>
      <c r="D5" s="138" t="s">
        <v>4</v>
      </c>
      <c r="E5" s="139"/>
      <c r="F5" s="139"/>
      <c r="G5" s="139"/>
      <c r="H5" s="139"/>
      <c r="I5" s="139"/>
      <c r="J5" s="139"/>
      <c r="K5" s="140"/>
      <c r="L5" s="141"/>
      <c r="M5" s="142"/>
      <c r="N5" s="142"/>
      <c r="O5" s="143"/>
    </row>
    <row r="6" spans="1:27" ht="16.5" customHeight="1">
      <c r="A6" s="129"/>
      <c r="B6" s="129"/>
      <c r="D6" s="144"/>
      <c r="E6" s="145"/>
      <c r="F6" s="145"/>
      <c r="G6" s="145"/>
      <c r="H6" s="145"/>
      <c r="I6" s="145"/>
      <c r="J6" s="145"/>
      <c r="K6" s="205"/>
      <c r="L6" s="147"/>
      <c r="M6" s="148"/>
      <c r="N6" s="148"/>
      <c r="O6" s="149"/>
    </row>
    <row r="7" spans="1:27" ht="16.5" customHeight="1">
      <c r="A7" s="129"/>
      <c r="B7" s="129"/>
      <c r="D7" s="138"/>
      <c r="E7" s="139" t="s">
        <v>370</v>
      </c>
      <c r="F7" s="139"/>
      <c r="G7" s="139"/>
      <c r="H7" s="139"/>
      <c r="I7" s="139"/>
      <c r="J7" s="139"/>
      <c r="K7" s="206"/>
      <c r="L7" s="141"/>
      <c r="M7" s="142"/>
      <c r="N7" s="142"/>
      <c r="O7" s="143"/>
    </row>
    <row r="8" spans="1:27" ht="16.5" customHeight="1">
      <c r="A8" s="129"/>
      <c r="B8" s="129"/>
      <c r="D8" s="144"/>
      <c r="E8" s="145"/>
      <c r="F8" s="145"/>
      <c r="G8" s="145"/>
      <c r="H8" s="145"/>
      <c r="I8" s="145"/>
      <c r="J8" s="145"/>
      <c r="K8" s="146"/>
      <c r="L8" s="147"/>
      <c r="M8" s="148"/>
      <c r="N8" s="148"/>
      <c r="O8" s="149"/>
    </row>
    <row r="9" spans="1:27" ht="16.5" customHeight="1">
      <c r="A9" s="129"/>
      <c r="B9" s="129"/>
      <c r="D9" s="138"/>
      <c r="E9" s="139" t="s">
        <v>436</v>
      </c>
      <c r="F9" s="139"/>
      <c r="G9" s="139"/>
      <c r="H9" s="139"/>
      <c r="I9" s="139"/>
      <c r="J9" s="139"/>
      <c r="K9" s="140"/>
      <c r="L9" s="141"/>
      <c r="M9" s="142"/>
      <c r="N9" s="142"/>
      <c r="O9" s="143"/>
    </row>
    <row r="10" spans="1:27" ht="16.5" customHeight="1">
      <c r="A10" s="129"/>
      <c r="B10" s="129"/>
      <c r="D10" s="144"/>
      <c r="E10" s="145"/>
      <c r="F10" s="145"/>
      <c r="G10" s="145"/>
      <c r="H10" s="145"/>
      <c r="I10" s="145"/>
      <c r="J10" s="145"/>
      <c r="K10" s="205"/>
      <c r="L10" s="147"/>
      <c r="M10" s="148"/>
      <c r="N10" s="148"/>
      <c r="O10" s="149"/>
      <c r="V10" s="150"/>
      <c r="AA10" s="150"/>
    </row>
    <row r="11" spans="1:27" ht="16.5" customHeight="1">
      <c r="A11" s="129"/>
      <c r="B11" s="129"/>
      <c r="D11" s="138"/>
      <c r="E11" s="139"/>
      <c r="F11" s="139" t="s">
        <v>106</v>
      </c>
      <c r="G11" s="139"/>
      <c r="H11" s="139" t="s">
        <v>378</v>
      </c>
      <c r="I11" s="139"/>
      <c r="J11" s="139" t="s">
        <v>397</v>
      </c>
      <c r="K11" s="325">
        <v>9.6</v>
      </c>
      <c r="L11" s="141" t="s">
        <v>357</v>
      </c>
      <c r="M11" s="142"/>
      <c r="N11" s="167"/>
      <c r="O11" s="143"/>
    </row>
    <row r="12" spans="1:27" ht="16.5" customHeight="1">
      <c r="A12" s="129"/>
      <c r="B12" s="129"/>
      <c r="D12" s="144"/>
      <c r="E12" s="145"/>
      <c r="F12" s="145"/>
      <c r="G12" s="145"/>
      <c r="H12" s="145"/>
      <c r="I12" s="145"/>
      <c r="J12" s="145"/>
      <c r="K12" s="205"/>
      <c r="L12" s="147"/>
      <c r="M12" s="148"/>
      <c r="N12" s="148"/>
      <c r="O12" s="149"/>
    </row>
    <row r="13" spans="1:27" ht="16.5" customHeight="1">
      <c r="A13" s="129"/>
      <c r="B13" s="129"/>
      <c r="D13" s="138"/>
      <c r="E13" s="139"/>
      <c r="F13" s="139" t="s">
        <v>106</v>
      </c>
      <c r="G13" s="139"/>
      <c r="H13" s="139" t="s">
        <v>378</v>
      </c>
      <c r="I13" s="139"/>
      <c r="J13" s="139" t="s">
        <v>398</v>
      </c>
      <c r="K13" s="325">
        <v>1.5</v>
      </c>
      <c r="L13" s="141" t="s">
        <v>357</v>
      </c>
      <c r="M13" s="142"/>
      <c r="N13" s="167"/>
      <c r="O13" s="143"/>
    </row>
    <row r="14" spans="1:27" ht="16.5" customHeight="1">
      <c r="A14" s="129"/>
      <c r="B14" s="129"/>
      <c r="D14" s="144"/>
      <c r="E14" s="145"/>
      <c r="F14" s="145"/>
      <c r="G14" s="145"/>
      <c r="H14" s="145"/>
      <c r="I14" s="145"/>
      <c r="J14" s="145"/>
      <c r="K14" s="205"/>
      <c r="L14" s="147"/>
      <c r="M14" s="148"/>
      <c r="N14" s="148"/>
      <c r="O14" s="149"/>
    </row>
    <row r="15" spans="1:27" ht="16.5" customHeight="1">
      <c r="A15" s="129"/>
      <c r="B15" s="129"/>
      <c r="D15" s="138"/>
      <c r="E15" s="139"/>
      <c r="F15" s="139" t="s">
        <v>106</v>
      </c>
      <c r="G15" s="139"/>
      <c r="H15" s="139" t="s">
        <v>378</v>
      </c>
      <c r="I15" s="139"/>
      <c r="J15" s="139" t="s">
        <v>399</v>
      </c>
      <c r="K15" s="206">
        <v>14.7</v>
      </c>
      <c r="L15" s="141" t="s">
        <v>357</v>
      </c>
      <c r="M15" s="142"/>
      <c r="N15" s="167"/>
      <c r="O15" s="210"/>
    </row>
    <row r="16" spans="1:27" ht="16.5" customHeight="1">
      <c r="A16" s="129"/>
      <c r="B16" s="129"/>
      <c r="D16" s="144"/>
      <c r="E16" s="145"/>
      <c r="F16" s="145"/>
      <c r="G16" s="145"/>
      <c r="H16" s="145"/>
      <c r="I16" s="145"/>
      <c r="J16" s="145"/>
      <c r="K16" s="146"/>
      <c r="L16" s="147"/>
      <c r="M16" s="148"/>
      <c r="N16" s="148"/>
      <c r="O16" s="149"/>
      <c r="V16" s="150"/>
      <c r="AA16" s="150"/>
    </row>
    <row r="17" spans="1:27" ht="16.5" customHeight="1">
      <c r="A17" s="129"/>
      <c r="B17" s="129"/>
      <c r="D17" s="138"/>
      <c r="E17" s="139"/>
      <c r="F17" s="139" t="s">
        <v>106</v>
      </c>
      <c r="G17" s="139"/>
      <c r="H17" s="139" t="s">
        <v>378</v>
      </c>
      <c r="I17" s="139"/>
      <c r="J17" s="139" t="s">
        <v>400</v>
      </c>
      <c r="K17" s="326">
        <v>6.93</v>
      </c>
      <c r="L17" s="141" t="s">
        <v>401</v>
      </c>
      <c r="M17" s="327"/>
      <c r="N17" s="167"/>
      <c r="O17" s="143"/>
      <c r="R17" s="151"/>
    </row>
    <row r="18" spans="1:27" ht="16.5" customHeight="1">
      <c r="A18" s="129"/>
      <c r="B18" s="129"/>
      <c r="D18" s="144"/>
      <c r="E18" s="145"/>
      <c r="F18" s="145"/>
      <c r="G18" s="145"/>
      <c r="H18" s="145"/>
      <c r="I18" s="145"/>
      <c r="J18" s="145"/>
      <c r="K18" s="205"/>
      <c r="L18" s="147"/>
      <c r="M18" s="148"/>
      <c r="N18" s="148"/>
      <c r="O18" s="149"/>
      <c r="V18" s="150"/>
      <c r="AA18" s="150"/>
    </row>
    <row r="19" spans="1:27" ht="16.5" customHeight="1">
      <c r="A19" s="129"/>
      <c r="B19" s="129"/>
      <c r="D19" s="138"/>
      <c r="E19" s="139"/>
      <c r="F19" s="139" t="s">
        <v>104</v>
      </c>
      <c r="G19" s="139"/>
      <c r="H19" s="139"/>
      <c r="I19" s="139"/>
      <c r="J19" s="139"/>
      <c r="K19" s="206">
        <v>1</v>
      </c>
      <c r="L19" s="141" t="s">
        <v>105</v>
      </c>
      <c r="M19" s="142"/>
      <c r="N19" s="142"/>
      <c r="O19" s="315"/>
    </row>
    <row r="20" spans="1:27" ht="16.5" customHeight="1">
      <c r="A20" s="129"/>
      <c r="B20" s="129"/>
      <c r="D20" s="144"/>
      <c r="E20" s="145"/>
      <c r="F20" s="145"/>
      <c r="G20" s="145"/>
      <c r="H20" s="145"/>
      <c r="I20" s="145"/>
      <c r="J20" s="145"/>
      <c r="K20" s="205"/>
      <c r="L20" s="147"/>
      <c r="M20" s="148"/>
      <c r="N20" s="148"/>
      <c r="O20" s="149"/>
    </row>
    <row r="21" spans="1:27" ht="16.5" customHeight="1">
      <c r="A21" s="129"/>
      <c r="B21" s="129"/>
      <c r="D21" s="138"/>
      <c r="E21" s="139"/>
      <c r="F21" s="139" t="s">
        <v>106</v>
      </c>
      <c r="G21" s="139"/>
      <c r="H21" s="139" t="s">
        <v>378</v>
      </c>
      <c r="I21" s="139"/>
      <c r="J21" s="139" t="s">
        <v>399</v>
      </c>
      <c r="K21" s="325">
        <v>8.5</v>
      </c>
      <c r="L21" s="141" t="s">
        <v>401</v>
      </c>
      <c r="M21" s="142"/>
      <c r="N21" s="142"/>
      <c r="O21" s="143"/>
    </row>
    <row r="22" spans="1:27" ht="16.5" customHeight="1">
      <c r="A22" s="129"/>
      <c r="B22" s="129"/>
      <c r="D22" s="144"/>
      <c r="E22" s="145"/>
      <c r="F22" s="145"/>
      <c r="G22" s="145"/>
      <c r="H22" s="145"/>
      <c r="I22" s="145"/>
      <c r="J22" s="145"/>
      <c r="K22" s="205"/>
      <c r="L22" s="147"/>
      <c r="M22" s="148"/>
      <c r="N22" s="148"/>
      <c r="O22" s="149"/>
    </row>
    <row r="23" spans="1:27" ht="16.5" customHeight="1">
      <c r="A23" s="129"/>
      <c r="B23" s="129"/>
      <c r="D23" s="138"/>
      <c r="E23" s="139"/>
      <c r="F23" s="139" t="s">
        <v>104</v>
      </c>
      <c r="G23" s="139"/>
      <c r="H23" s="139"/>
      <c r="I23" s="139"/>
      <c r="J23" s="139"/>
      <c r="K23" s="206">
        <v>1</v>
      </c>
      <c r="L23" s="141" t="s">
        <v>402</v>
      </c>
      <c r="M23" s="142"/>
      <c r="N23" s="142"/>
      <c r="O23" s="210"/>
    </row>
    <row r="24" spans="1:27" ht="16.5" customHeight="1">
      <c r="A24" s="129"/>
      <c r="B24" s="129"/>
      <c r="D24" s="144"/>
      <c r="E24" s="145"/>
      <c r="F24" s="145"/>
      <c r="G24" s="145"/>
      <c r="H24" s="145"/>
      <c r="I24" s="145"/>
      <c r="J24" s="145"/>
      <c r="K24" s="205"/>
      <c r="L24" s="147"/>
      <c r="M24" s="148"/>
      <c r="N24" s="148"/>
      <c r="O24" s="149"/>
    </row>
    <row r="25" spans="1:27" ht="16.5" customHeight="1">
      <c r="A25" s="129"/>
      <c r="B25" s="129"/>
      <c r="D25" s="138"/>
      <c r="E25" s="139"/>
      <c r="F25" s="139" t="s">
        <v>106</v>
      </c>
      <c r="G25" s="139"/>
      <c r="H25" s="139" t="s">
        <v>472</v>
      </c>
      <c r="I25" s="139"/>
      <c r="J25" s="139" t="s">
        <v>397</v>
      </c>
      <c r="K25" s="206">
        <v>1.55</v>
      </c>
      <c r="L25" s="141" t="s">
        <v>401</v>
      </c>
      <c r="M25" s="142"/>
      <c r="N25" s="167"/>
      <c r="O25" s="210"/>
    </row>
    <row r="26" spans="1:27" ht="16.5" customHeight="1">
      <c r="A26" s="129"/>
      <c r="B26" s="129"/>
      <c r="D26" s="144"/>
      <c r="E26" s="145"/>
      <c r="F26" s="145"/>
      <c r="G26" s="145"/>
      <c r="H26" s="145"/>
      <c r="I26" s="145"/>
      <c r="J26" s="145"/>
      <c r="K26" s="146"/>
      <c r="L26" s="147"/>
      <c r="M26" s="148"/>
      <c r="N26" s="148"/>
      <c r="O26" s="149"/>
      <c r="V26" s="150"/>
      <c r="AA26" s="150"/>
    </row>
    <row r="27" spans="1:27" ht="16.5" customHeight="1">
      <c r="A27" s="129"/>
      <c r="B27" s="129"/>
      <c r="D27" s="138"/>
      <c r="E27" s="139"/>
      <c r="F27" s="139" t="s">
        <v>106</v>
      </c>
      <c r="G27" s="139"/>
      <c r="H27" s="139" t="s">
        <v>472</v>
      </c>
      <c r="I27" s="139"/>
      <c r="J27" s="139" t="s">
        <v>403</v>
      </c>
      <c r="K27" s="326">
        <v>3.65</v>
      </c>
      <c r="L27" s="141" t="s">
        <v>404</v>
      </c>
      <c r="M27" s="142"/>
      <c r="N27" s="167"/>
      <c r="O27" s="143"/>
    </row>
    <row r="28" spans="1:27" ht="16.5" customHeight="1">
      <c r="A28" s="129"/>
      <c r="B28" s="129"/>
      <c r="D28" s="144"/>
      <c r="E28" s="145"/>
      <c r="F28" s="145"/>
      <c r="G28" s="145"/>
      <c r="H28" s="145"/>
      <c r="I28" s="145"/>
      <c r="J28" s="145"/>
      <c r="K28" s="146"/>
      <c r="L28" s="147"/>
      <c r="M28" s="148"/>
      <c r="N28" s="148"/>
      <c r="O28" s="149"/>
    </row>
    <row r="29" spans="1:27" ht="16.5" customHeight="1">
      <c r="A29" s="129"/>
      <c r="B29" s="129"/>
      <c r="D29" s="138"/>
      <c r="E29" s="139"/>
      <c r="F29" s="139" t="s">
        <v>104</v>
      </c>
      <c r="G29" s="139"/>
      <c r="H29" s="139"/>
      <c r="I29" s="139"/>
      <c r="J29" s="139"/>
      <c r="K29" s="140">
        <v>1</v>
      </c>
      <c r="L29" s="141" t="s">
        <v>405</v>
      </c>
      <c r="M29" s="142"/>
      <c r="N29" s="142"/>
      <c r="O29" s="210"/>
    </row>
    <row r="30" spans="1:27" ht="16.5" customHeight="1">
      <c r="A30" s="129"/>
      <c r="B30" s="129"/>
      <c r="D30" s="144"/>
      <c r="E30" s="145"/>
      <c r="F30" s="145"/>
      <c r="G30" s="145"/>
      <c r="H30" s="145"/>
      <c r="I30" s="145"/>
      <c r="J30" s="145"/>
      <c r="K30" s="146"/>
      <c r="L30" s="147"/>
      <c r="M30" s="148"/>
      <c r="N30" s="148"/>
      <c r="O30" s="149"/>
    </row>
    <row r="31" spans="1:27" ht="16.5" customHeight="1">
      <c r="A31" s="129"/>
      <c r="B31" s="129"/>
      <c r="D31" s="138"/>
      <c r="E31" s="139" t="s">
        <v>435</v>
      </c>
      <c r="F31" s="139"/>
      <c r="G31" s="139"/>
      <c r="H31" s="139"/>
      <c r="I31" s="139"/>
      <c r="J31" s="139"/>
      <c r="K31" s="140"/>
      <c r="L31" s="141"/>
      <c r="M31" s="142"/>
      <c r="N31" s="142"/>
      <c r="O31" s="143"/>
    </row>
    <row r="32" spans="1:27" ht="16.5" customHeight="1">
      <c r="A32" s="129"/>
      <c r="B32" s="129"/>
      <c r="D32" s="144"/>
      <c r="E32" s="145"/>
      <c r="F32" s="145"/>
      <c r="G32" s="145"/>
      <c r="H32" s="145"/>
      <c r="I32" s="145"/>
      <c r="J32" s="145"/>
      <c r="K32" s="146"/>
      <c r="L32" s="147"/>
      <c r="M32" s="148"/>
      <c r="N32" s="148"/>
      <c r="O32" s="149"/>
    </row>
    <row r="33" spans="1:15" ht="16.5" customHeight="1">
      <c r="A33" s="129"/>
      <c r="B33" s="129"/>
      <c r="D33" s="152"/>
      <c r="E33" s="153"/>
      <c r="F33" s="153"/>
      <c r="G33" s="153"/>
      <c r="H33" s="153"/>
      <c r="I33" s="153"/>
      <c r="J33" s="153"/>
      <c r="K33" s="154"/>
      <c r="L33" s="92"/>
      <c r="M33" s="155"/>
      <c r="N33" s="155"/>
      <c r="O33" s="156"/>
    </row>
    <row r="34" spans="1:15" s="157" customFormat="1" ht="16.5" customHeight="1">
      <c r="A34" s="129"/>
      <c r="B34" s="129"/>
      <c r="D34" s="158"/>
      <c r="E34" s="159"/>
      <c r="F34" s="159"/>
      <c r="G34" s="4"/>
      <c r="H34" s="4"/>
      <c r="I34" s="159"/>
      <c r="J34" s="159"/>
      <c r="K34" s="160"/>
      <c r="L34" s="161"/>
      <c r="M34" s="5"/>
      <c r="N34" s="5"/>
      <c r="O34" s="162"/>
    </row>
    <row r="35" spans="1:15" s="157" customFormat="1" ht="16.5" customHeight="1">
      <c r="A35" s="129"/>
      <c r="B35" s="129"/>
      <c r="D35" s="163" t="s">
        <v>429</v>
      </c>
      <c r="E35" s="213"/>
      <c r="F35" s="164"/>
      <c r="G35" s="164"/>
      <c r="H35" s="164"/>
      <c r="I35" s="164"/>
      <c r="J35" s="164"/>
      <c r="K35" s="165"/>
      <c r="L35" s="214"/>
      <c r="M35" s="167"/>
      <c r="N35" s="167"/>
      <c r="O35" s="168"/>
    </row>
    <row r="36" spans="1:15" s="157" customFormat="1" ht="16.5" customHeight="1">
      <c r="A36" s="129"/>
      <c r="B36" s="129"/>
      <c r="D36" s="169"/>
      <c r="E36" s="170"/>
      <c r="F36" s="170"/>
      <c r="G36" s="322"/>
      <c r="H36" s="322"/>
      <c r="I36" s="170"/>
      <c r="J36" s="170"/>
      <c r="K36" s="171"/>
      <c r="L36" s="172"/>
      <c r="M36" s="323"/>
      <c r="N36" s="323"/>
      <c r="O36" s="174"/>
    </row>
    <row r="37" spans="1:15" s="157" customFormat="1" ht="16.5" customHeight="1">
      <c r="A37" s="129"/>
      <c r="B37" s="129"/>
      <c r="D37" s="163"/>
      <c r="E37" s="213" t="s">
        <v>426</v>
      </c>
      <c r="F37" s="164"/>
      <c r="G37" s="164"/>
      <c r="H37" s="164"/>
      <c r="I37" s="164"/>
      <c r="J37" s="164"/>
      <c r="K37" s="165"/>
      <c r="L37" s="214"/>
      <c r="M37" s="167"/>
      <c r="N37" s="167"/>
      <c r="O37" s="168"/>
    </row>
    <row r="38" spans="1:15" s="157" customFormat="1" ht="16.5" customHeight="1">
      <c r="A38" s="129"/>
      <c r="B38" s="129"/>
      <c r="D38" s="169"/>
      <c r="E38" s="170"/>
      <c r="F38" s="170"/>
      <c r="G38" s="170"/>
      <c r="H38" s="170"/>
      <c r="I38" s="170"/>
      <c r="J38" s="170"/>
      <c r="K38" s="171"/>
      <c r="L38" s="172"/>
      <c r="M38" s="173"/>
      <c r="N38" s="173"/>
      <c r="O38" s="174"/>
    </row>
    <row r="39" spans="1:15" s="157" customFormat="1" ht="16.5" customHeight="1">
      <c r="A39" s="129"/>
      <c r="B39" s="129"/>
      <c r="D39" s="163"/>
      <c r="E39" s="164" t="s">
        <v>433</v>
      </c>
      <c r="F39" s="164"/>
      <c r="G39" s="164"/>
      <c r="H39" s="164"/>
      <c r="I39" s="164"/>
      <c r="J39" s="164"/>
      <c r="K39" s="165"/>
      <c r="L39" s="214"/>
      <c r="M39" s="167"/>
      <c r="N39" s="167"/>
      <c r="O39" s="168"/>
    </row>
    <row r="40" spans="1:15" s="157" customFormat="1" ht="16.5" customHeight="1">
      <c r="A40" s="129"/>
      <c r="B40" s="129"/>
      <c r="D40" s="169"/>
      <c r="E40" s="170"/>
      <c r="F40" s="170"/>
      <c r="G40" s="170"/>
      <c r="H40" s="170"/>
      <c r="I40" s="170"/>
      <c r="J40" s="170"/>
      <c r="K40" s="171"/>
      <c r="L40" s="172"/>
      <c r="M40" s="173"/>
      <c r="N40" s="173"/>
      <c r="O40" s="328"/>
    </row>
    <row r="41" spans="1:15" s="157" customFormat="1" ht="16.5" customHeight="1">
      <c r="A41" s="129"/>
      <c r="B41" s="129"/>
      <c r="D41" s="163"/>
      <c r="E41" s="164"/>
      <c r="F41" s="213" t="s">
        <v>410</v>
      </c>
      <c r="G41" s="164"/>
      <c r="H41" s="164" t="s">
        <v>406</v>
      </c>
      <c r="I41" s="164"/>
      <c r="J41" s="164"/>
      <c r="K41" s="165">
        <v>17.399999999999999</v>
      </c>
      <c r="L41" s="166" t="s">
        <v>401</v>
      </c>
      <c r="M41" s="167"/>
      <c r="N41" s="167"/>
      <c r="O41" s="168"/>
    </row>
    <row r="42" spans="1:15" s="157" customFormat="1" ht="16.5" customHeight="1">
      <c r="A42" s="129"/>
      <c r="B42" s="129"/>
      <c r="D42" s="169"/>
      <c r="E42" s="170"/>
      <c r="F42" s="319"/>
      <c r="G42" s="170"/>
      <c r="H42" s="170"/>
      <c r="I42" s="170"/>
      <c r="J42" s="170"/>
      <c r="K42" s="171"/>
      <c r="L42" s="172"/>
      <c r="M42" s="173"/>
      <c r="N42" s="173"/>
      <c r="O42" s="328"/>
    </row>
    <row r="43" spans="1:15" s="157" customFormat="1" ht="16.5" customHeight="1">
      <c r="A43" s="129"/>
      <c r="B43" s="129"/>
      <c r="D43" s="163"/>
      <c r="E43" s="164"/>
      <c r="F43" s="213" t="s">
        <v>410</v>
      </c>
      <c r="G43" s="164"/>
      <c r="H43" s="164" t="s">
        <v>407</v>
      </c>
      <c r="I43" s="164"/>
      <c r="J43" s="164"/>
      <c r="K43" s="165">
        <v>5.75</v>
      </c>
      <c r="L43" s="166" t="s">
        <v>401</v>
      </c>
      <c r="M43" s="167"/>
      <c r="N43" s="167"/>
      <c r="O43" s="168"/>
    </row>
    <row r="44" spans="1:15" s="157" customFormat="1" ht="16.5" customHeight="1">
      <c r="A44" s="129"/>
      <c r="B44" s="129"/>
      <c r="D44" s="169"/>
      <c r="E44" s="170"/>
      <c r="F44" s="319"/>
      <c r="G44" s="170"/>
      <c r="H44" s="170"/>
      <c r="I44" s="170"/>
      <c r="J44" s="170"/>
      <c r="K44" s="171"/>
      <c r="L44" s="172"/>
      <c r="M44" s="173"/>
      <c r="N44" s="173"/>
      <c r="O44" s="328"/>
    </row>
    <row r="45" spans="1:15" s="157" customFormat="1" ht="16.5" customHeight="1">
      <c r="A45" s="129"/>
      <c r="B45" s="129"/>
      <c r="D45" s="163"/>
      <c r="E45" s="167"/>
      <c r="F45" s="213" t="s">
        <v>410</v>
      </c>
      <c r="G45" s="216"/>
      <c r="H45" s="164" t="s">
        <v>408</v>
      </c>
      <c r="I45" s="164"/>
      <c r="J45" s="164"/>
      <c r="K45" s="313">
        <v>22</v>
      </c>
      <c r="L45" s="166" t="s">
        <v>401</v>
      </c>
      <c r="M45" s="329"/>
      <c r="N45" s="167"/>
      <c r="O45" s="168"/>
    </row>
    <row r="46" spans="1:15" s="157" customFormat="1" ht="16.5" customHeight="1">
      <c r="A46" s="129"/>
      <c r="B46" s="129"/>
      <c r="D46" s="169"/>
      <c r="E46" s="170"/>
      <c r="F46" s="319"/>
      <c r="G46" s="170"/>
      <c r="H46" s="170"/>
      <c r="I46" s="170"/>
      <c r="J46" s="170"/>
      <c r="K46" s="171"/>
      <c r="L46" s="172"/>
      <c r="M46" s="173"/>
      <c r="N46" s="173"/>
      <c r="O46" s="174"/>
    </row>
    <row r="47" spans="1:15" s="157" customFormat="1" ht="16.5" customHeight="1">
      <c r="A47" s="129"/>
      <c r="B47" s="129"/>
      <c r="D47" s="163"/>
      <c r="E47" s="215"/>
      <c r="F47" s="320" t="s">
        <v>104</v>
      </c>
      <c r="G47" s="164"/>
      <c r="H47" s="164"/>
      <c r="I47" s="164"/>
      <c r="J47" s="164"/>
      <c r="K47" s="165">
        <v>1</v>
      </c>
      <c r="L47" s="166" t="s">
        <v>405</v>
      </c>
      <c r="M47" s="167"/>
      <c r="N47" s="167"/>
      <c r="O47" s="208"/>
    </row>
    <row r="48" spans="1:15" s="157" customFormat="1" ht="16.5" customHeight="1">
      <c r="A48" s="129"/>
      <c r="B48" s="129"/>
      <c r="D48" s="169"/>
      <c r="E48" s="170"/>
      <c r="F48" s="319"/>
      <c r="G48" s="170"/>
      <c r="H48" s="170"/>
      <c r="I48" s="170"/>
      <c r="J48" s="170"/>
      <c r="K48" s="171"/>
      <c r="L48" s="172"/>
      <c r="M48" s="173"/>
      <c r="N48" s="173"/>
      <c r="O48" s="328"/>
    </row>
    <row r="49" spans="1:15" s="157" customFormat="1" ht="16.5" customHeight="1">
      <c r="A49" s="129"/>
      <c r="B49" s="129"/>
      <c r="D49" s="163"/>
      <c r="E49" s="164"/>
      <c r="F49" s="213" t="s">
        <v>410</v>
      </c>
      <c r="G49" s="164"/>
      <c r="H49" s="164" t="s">
        <v>482</v>
      </c>
      <c r="I49" s="164"/>
      <c r="J49" s="164"/>
      <c r="K49" s="314">
        <v>6</v>
      </c>
      <c r="L49" s="166" t="s">
        <v>401</v>
      </c>
      <c r="M49" s="329"/>
      <c r="N49" s="167"/>
      <c r="O49" s="168"/>
    </row>
    <row r="50" spans="1:15" s="157" customFormat="1" ht="16.5" customHeight="1">
      <c r="A50" s="129"/>
      <c r="B50" s="129"/>
      <c r="D50" s="169"/>
      <c r="E50" s="170"/>
      <c r="F50" s="319"/>
      <c r="G50" s="170"/>
      <c r="H50" s="170"/>
      <c r="I50" s="170"/>
      <c r="J50" s="170"/>
      <c r="K50" s="171"/>
      <c r="L50" s="172"/>
      <c r="M50" s="173"/>
      <c r="N50" s="173"/>
      <c r="O50" s="328"/>
    </row>
    <row r="51" spans="1:15" s="157" customFormat="1" ht="16.5" customHeight="1">
      <c r="A51" s="129"/>
      <c r="B51" s="129"/>
      <c r="D51" s="163"/>
      <c r="E51" s="167"/>
      <c r="F51" s="213" t="s">
        <v>410</v>
      </c>
      <c r="G51" s="216"/>
      <c r="H51" s="164" t="s">
        <v>483</v>
      </c>
      <c r="I51" s="164"/>
      <c r="J51" s="164"/>
      <c r="K51" s="165">
        <v>1.05</v>
      </c>
      <c r="L51" s="166" t="s">
        <v>401</v>
      </c>
      <c r="M51" s="329"/>
      <c r="N51" s="167"/>
      <c r="O51" s="168"/>
    </row>
    <row r="52" spans="1:15" s="157" customFormat="1" ht="16.5" customHeight="1">
      <c r="A52" s="129"/>
      <c r="B52" s="129"/>
      <c r="D52" s="218"/>
      <c r="E52" s="219"/>
      <c r="F52" s="321"/>
      <c r="G52" s="219"/>
      <c r="H52" s="219"/>
      <c r="I52" s="219"/>
      <c r="J52" s="219"/>
      <c r="K52" s="220"/>
      <c r="L52" s="221"/>
      <c r="M52" s="222"/>
      <c r="N52" s="222"/>
      <c r="O52" s="223"/>
    </row>
    <row r="53" spans="1:15" s="157" customFormat="1" ht="16.5" customHeight="1">
      <c r="A53" s="129"/>
      <c r="B53" s="129"/>
      <c r="D53" s="163"/>
      <c r="E53" s="164"/>
      <c r="F53" s="164" t="s">
        <v>104</v>
      </c>
      <c r="G53" s="164"/>
      <c r="H53" s="164"/>
      <c r="I53" s="164"/>
      <c r="J53" s="164"/>
      <c r="K53" s="165">
        <v>1</v>
      </c>
      <c r="L53" s="166" t="s">
        <v>405</v>
      </c>
      <c r="M53" s="167"/>
      <c r="N53" s="167"/>
      <c r="O53" s="208"/>
    </row>
    <row r="54" spans="1:15" s="157" customFormat="1" ht="16.5" customHeight="1">
      <c r="A54" s="129"/>
      <c r="B54" s="129"/>
      <c r="D54" s="169"/>
      <c r="E54" s="170"/>
      <c r="F54" s="170"/>
      <c r="G54" s="170"/>
      <c r="H54" s="170"/>
      <c r="I54" s="170"/>
      <c r="J54" s="170"/>
      <c r="K54" s="171"/>
      <c r="L54" s="172"/>
      <c r="M54" s="173"/>
      <c r="N54" s="173"/>
      <c r="O54" s="174"/>
    </row>
    <row r="55" spans="1:15" s="157" customFormat="1" ht="16.5" customHeight="1">
      <c r="A55" s="129"/>
      <c r="B55" s="129"/>
      <c r="D55" s="163"/>
      <c r="E55" s="164" t="s">
        <v>434</v>
      </c>
      <c r="F55" s="164"/>
      <c r="G55" s="164"/>
      <c r="H55" s="164"/>
      <c r="I55" s="164"/>
      <c r="J55" s="164"/>
      <c r="K55" s="165"/>
      <c r="L55" s="214"/>
      <c r="M55" s="167"/>
      <c r="N55" s="167"/>
      <c r="O55" s="168"/>
    </row>
    <row r="56" spans="1:15" s="157" customFormat="1" ht="16.5" customHeight="1">
      <c r="A56" s="129"/>
      <c r="B56" s="129"/>
      <c r="D56" s="169"/>
      <c r="E56" s="170"/>
      <c r="F56" s="170"/>
      <c r="G56" s="170"/>
      <c r="H56" s="170"/>
      <c r="I56" s="170"/>
      <c r="J56" s="170"/>
      <c r="K56" s="171"/>
      <c r="L56" s="172"/>
      <c r="M56" s="173"/>
      <c r="N56" s="173"/>
      <c r="O56" s="174"/>
    </row>
    <row r="57" spans="1:15" s="157" customFormat="1" ht="16.5" customHeight="1">
      <c r="A57" s="129"/>
      <c r="B57" s="129"/>
      <c r="D57" s="163"/>
      <c r="E57" s="213"/>
      <c r="F57" s="164"/>
      <c r="G57" s="164"/>
      <c r="H57" s="164"/>
      <c r="I57" s="164"/>
      <c r="J57" s="164"/>
      <c r="K57" s="165"/>
      <c r="L57" s="166"/>
      <c r="M57" s="167"/>
      <c r="N57" s="167"/>
      <c r="O57" s="168"/>
    </row>
    <row r="58" spans="1:15" s="157" customFormat="1" ht="16.5" customHeight="1">
      <c r="A58" s="129"/>
      <c r="B58" s="129"/>
      <c r="D58" s="169"/>
      <c r="E58" s="170"/>
      <c r="F58" s="170"/>
      <c r="G58" s="170"/>
      <c r="H58" s="170"/>
      <c r="I58" s="170"/>
      <c r="J58" s="170"/>
      <c r="K58" s="171"/>
      <c r="L58" s="172"/>
      <c r="M58" s="173"/>
      <c r="N58" s="173"/>
      <c r="O58" s="174"/>
    </row>
    <row r="59" spans="1:15" s="157" customFormat="1" ht="16.5" customHeight="1">
      <c r="A59" s="129"/>
      <c r="B59" s="129"/>
      <c r="D59" s="163"/>
      <c r="E59" s="167"/>
      <c r="F59" s="213"/>
      <c r="G59" s="216"/>
      <c r="H59" s="164"/>
      <c r="I59" s="164"/>
      <c r="J59" s="164"/>
      <c r="K59" s="165"/>
      <c r="L59" s="166"/>
      <c r="M59" s="167"/>
      <c r="N59" s="167"/>
      <c r="O59" s="168"/>
    </row>
    <row r="60" spans="1:15" s="157" customFormat="1" ht="16.5" customHeight="1">
      <c r="A60" s="129"/>
      <c r="B60" s="129"/>
      <c r="D60" s="169"/>
      <c r="E60" s="170"/>
      <c r="F60" s="170"/>
      <c r="G60" s="170"/>
      <c r="H60" s="170"/>
      <c r="I60" s="170"/>
      <c r="J60" s="170"/>
      <c r="K60" s="171"/>
      <c r="L60" s="172"/>
      <c r="M60" s="173"/>
      <c r="N60" s="173"/>
      <c r="O60" s="174"/>
    </row>
    <row r="61" spans="1:15" s="157" customFormat="1" ht="16.5" customHeight="1">
      <c r="A61" s="129"/>
      <c r="B61" s="129"/>
      <c r="D61" s="163"/>
      <c r="E61" s="215"/>
      <c r="F61" s="213"/>
      <c r="G61" s="164"/>
      <c r="H61" s="164"/>
      <c r="I61" s="164"/>
      <c r="J61" s="164"/>
      <c r="K61" s="165"/>
      <c r="L61" s="166"/>
      <c r="M61" s="167"/>
      <c r="N61" s="167"/>
      <c r="O61" s="168"/>
    </row>
    <row r="62" spans="1:15" s="157" customFormat="1" ht="16.5" customHeight="1">
      <c r="A62" s="129"/>
      <c r="B62" s="129"/>
      <c r="D62" s="169"/>
      <c r="E62" s="170"/>
      <c r="F62" s="170"/>
      <c r="G62" s="170"/>
      <c r="H62" s="170"/>
      <c r="I62" s="170"/>
      <c r="J62" s="170"/>
      <c r="K62" s="171"/>
      <c r="L62" s="172"/>
      <c r="M62" s="173"/>
      <c r="N62" s="173"/>
      <c r="O62" s="174"/>
    </row>
    <row r="63" spans="1:15" s="157" customFormat="1" ht="16.5" customHeight="1">
      <c r="A63" s="129"/>
      <c r="B63" s="129"/>
      <c r="D63" s="175"/>
      <c r="E63" s="176"/>
      <c r="F63" s="176"/>
      <c r="G63" s="176"/>
      <c r="H63" s="176"/>
      <c r="I63" s="176"/>
      <c r="J63" s="176"/>
      <c r="K63" s="177"/>
      <c r="L63" s="178"/>
      <c r="M63" s="179"/>
      <c r="N63" s="179"/>
      <c r="O63" s="180"/>
    </row>
    <row r="64" spans="1:15" s="157" customFormat="1" ht="16.5" customHeight="1">
      <c r="A64" s="129"/>
      <c r="B64" s="129"/>
      <c r="D64" s="158"/>
      <c r="E64" s="159"/>
      <c r="F64" s="159"/>
      <c r="G64" s="4"/>
      <c r="H64" s="4"/>
      <c r="I64" s="159"/>
      <c r="J64" s="159"/>
      <c r="K64" s="160"/>
      <c r="L64" s="161"/>
      <c r="M64" s="5"/>
      <c r="N64" s="5"/>
      <c r="O64" s="162"/>
    </row>
    <row r="65" spans="1:15" s="157" customFormat="1" ht="16.5" customHeight="1">
      <c r="A65" s="129"/>
      <c r="B65" s="129"/>
      <c r="D65" s="163" t="s">
        <v>429</v>
      </c>
      <c r="E65" s="213"/>
      <c r="F65" s="164"/>
      <c r="G65" s="164"/>
      <c r="H65" s="164"/>
      <c r="I65" s="164"/>
      <c r="J65" s="164"/>
      <c r="K65" s="165"/>
      <c r="L65" s="214"/>
      <c r="M65" s="167"/>
      <c r="N65" s="167"/>
      <c r="O65" s="168"/>
    </row>
    <row r="66" spans="1:15" s="157" customFormat="1" ht="16.5" customHeight="1">
      <c r="A66" s="129"/>
      <c r="B66" s="129"/>
      <c r="D66" s="169"/>
      <c r="E66" s="170"/>
      <c r="F66" s="170"/>
      <c r="G66" s="170"/>
      <c r="H66" s="170"/>
      <c r="I66" s="170"/>
      <c r="J66" s="170"/>
      <c r="K66" s="171"/>
      <c r="L66" s="172"/>
      <c r="M66" s="173"/>
      <c r="N66" s="173"/>
      <c r="O66" s="174"/>
    </row>
    <row r="67" spans="1:15" s="157" customFormat="1" ht="16.5" customHeight="1">
      <c r="A67" s="129"/>
      <c r="B67" s="129"/>
      <c r="D67" s="163"/>
      <c r="E67" s="164" t="s">
        <v>426</v>
      </c>
      <c r="F67" s="164"/>
      <c r="G67" s="164"/>
      <c r="H67" s="164"/>
      <c r="I67" s="164"/>
      <c r="J67" s="164"/>
      <c r="K67" s="165"/>
      <c r="L67" s="214"/>
      <c r="M67" s="167"/>
      <c r="N67" s="167"/>
      <c r="O67" s="168"/>
    </row>
    <row r="68" spans="1:15" s="157" customFormat="1" ht="16.5" customHeight="1">
      <c r="A68" s="129"/>
      <c r="B68" s="129"/>
      <c r="D68" s="169"/>
      <c r="E68" s="170"/>
      <c r="F68" s="170"/>
      <c r="G68" s="170"/>
      <c r="H68" s="170"/>
      <c r="I68" s="170"/>
      <c r="J68" s="170"/>
      <c r="K68" s="171"/>
      <c r="L68" s="172"/>
      <c r="M68" s="173"/>
      <c r="N68" s="173"/>
      <c r="O68" s="174"/>
    </row>
    <row r="69" spans="1:15" s="157" customFormat="1" ht="16.5" customHeight="1">
      <c r="A69" s="129"/>
      <c r="B69" s="129"/>
      <c r="D69" s="163"/>
      <c r="E69" s="164" t="s">
        <v>431</v>
      </c>
      <c r="F69" s="164"/>
      <c r="G69" s="164"/>
      <c r="H69" s="164"/>
      <c r="I69" s="164"/>
      <c r="J69" s="164"/>
      <c r="K69" s="165"/>
      <c r="L69" s="166"/>
      <c r="M69" s="167"/>
      <c r="N69" s="167"/>
      <c r="O69" s="168"/>
    </row>
    <row r="70" spans="1:15" s="157" customFormat="1" ht="16.5" customHeight="1">
      <c r="A70" s="129"/>
      <c r="B70" s="129"/>
      <c r="D70" s="169"/>
      <c r="E70" s="170"/>
      <c r="F70" s="170"/>
      <c r="G70" s="170"/>
      <c r="H70" s="170"/>
      <c r="I70" s="170"/>
      <c r="J70" s="170"/>
      <c r="K70" s="171"/>
      <c r="L70" s="172"/>
      <c r="M70" s="173"/>
      <c r="N70" s="173"/>
      <c r="O70" s="174"/>
    </row>
    <row r="71" spans="1:15" s="157" customFormat="1" ht="16.5" customHeight="1">
      <c r="A71" s="129"/>
      <c r="B71" s="129"/>
      <c r="D71" s="163"/>
      <c r="E71" s="164"/>
      <c r="F71" s="164" t="s">
        <v>409</v>
      </c>
      <c r="G71" s="164"/>
      <c r="H71" s="164" t="s">
        <v>417</v>
      </c>
      <c r="I71" s="164"/>
      <c r="J71" s="164"/>
      <c r="K71" s="165">
        <v>2</v>
      </c>
      <c r="L71" s="166" t="s">
        <v>423</v>
      </c>
      <c r="M71" s="167"/>
      <c r="N71" s="167"/>
      <c r="O71" s="168"/>
    </row>
    <row r="72" spans="1:15" s="157" customFormat="1" ht="16.5" customHeight="1">
      <c r="A72" s="129"/>
      <c r="B72" s="129"/>
      <c r="D72" s="169"/>
      <c r="E72" s="170"/>
      <c r="F72" s="170"/>
      <c r="G72" s="170"/>
      <c r="H72" s="170"/>
      <c r="I72" s="170"/>
      <c r="J72" s="170"/>
      <c r="K72" s="171"/>
      <c r="L72" s="172"/>
      <c r="M72" s="173"/>
      <c r="N72" s="173"/>
      <c r="O72" s="174"/>
    </row>
    <row r="73" spans="1:15" s="157" customFormat="1" ht="16.5" customHeight="1">
      <c r="A73" s="129"/>
      <c r="B73" s="129"/>
      <c r="D73" s="163"/>
      <c r="E73" s="167"/>
      <c r="F73" s="213" t="s">
        <v>409</v>
      </c>
      <c r="G73" s="216"/>
      <c r="H73" s="164" t="s">
        <v>418</v>
      </c>
      <c r="I73" s="164"/>
      <c r="J73" s="164"/>
      <c r="K73" s="165">
        <v>4</v>
      </c>
      <c r="L73" s="166" t="s">
        <v>423</v>
      </c>
      <c r="M73" s="167"/>
      <c r="N73" s="167"/>
      <c r="O73" s="168"/>
    </row>
    <row r="74" spans="1:15" s="157" customFormat="1" ht="16.5" customHeight="1">
      <c r="A74" s="129"/>
      <c r="B74" s="129"/>
      <c r="D74" s="169"/>
      <c r="E74" s="170"/>
      <c r="F74" s="170"/>
      <c r="G74" s="170"/>
      <c r="H74" s="170"/>
      <c r="I74" s="170"/>
      <c r="J74" s="170"/>
      <c r="K74" s="171"/>
      <c r="L74" s="172"/>
      <c r="M74" s="173"/>
      <c r="N74" s="173"/>
      <c r="O74" s="174"/>
    </row>
    <row r="75" spans="1:15" s="157" customFormat="1" ht="16.5" customHeight="1">
      <c r="A75" s="129"/>
      <c r="B75" s="129"/>
      <c r="D75" s="163"/>
      <c r="E75" s="215"/>
      <c r="F75" s="213" t="s">
        <v>412</v>
      </c>
      <c r="G75" s="164"/>
      <c r="H75" s="164" t="s">
        <v>419</v>
      </c>
      <c r="I75" s="164"/>
      <c r="J75" s="164"/>
      <c r="K75" s="165">
        <v>3</v>
      </c>
      <c r="L75" s="166" t="s">
        <v>423</v>
      </c>
      <c r="M75" s="167"/>
      <c r="N75" s="167"/>
      <c r="O75" s="168"/>
    </row>
    <row r="76" spans="1:15" s="157" customFormat="1" ht="16.5" customHeight="1">
      <c r="A76" s="129"/>
      <c r="B76" s="129"/>
      <c r="D76" s="169"/>
      <c r="E76" s="170"/>
      <c r="F76" s="170"/>
      <c r="G76" s="170"/>
      <c r="H76" s="170"/>
      <c r="I76" s="170"/>
      <c r="J76" s="170"/>
      <c r="K76" s="171"/>
      <c r="L76" s="172"/>
      <c r="M76" s="173"/>
      <c r="N76" s="173"/>
      <c r="O76" s="174"/>
    </row>
    <row r="77" spans="1:15" s="157" customFormat="1" ht="16.5" customHeight="1">
      <c r="A77" s="129"/>
      <c r="B77" s="129"/>
      <c r="D77" s="163"/>
      <c r="E77" s="164"/>
      <c r="F77" s="164" t="s">
        <v>413</v>
      </c>
      <c r="G77" s="164"/>
      <c r="H77" s="164" t="s">
        <v>416</v>
      </c>
      <c r="I77" s="164"/>
      <c r="J77" s="164"/>
      <c r="K77" s="165">
        <v>3</v>
      </c>
      <c r="L77" s="166" t="s">
        <v>423</v>
      </c>
      <c r="M77" s="167"/>
      <c r="N77" s="167"/>
      <c r="O77" s="168"/>
    </row>
    <row r="78" spans="1:15" s="157" customFormat="1" ht="16.5" customHeight="1">
      <c r="A78" s="129"/>
      <c r="B78" s="129"/>
      <c r="D78" s="169"/>
      <c r="E78" s="170"/>
      <c r="F78" s="170"/>
      <c r="G78" s="170"/>
      <c r="H78" s="170"/>
      <c r="I78" s="170"/>
      <c r="J78" s="170"/>
      <c r="K78" s="171"/>
      <c r="L78" s="172"/>
      <c r="M78" s="173"/>
      <c r="N78" s="173"/>
      <c r="O78" s="174"/>
    </row>
    <row r="79" spans="1:15" s="157" customFormat="1" ht="16.5" customHeight="1">
      <c r="A79" s="129"/>
      <c r="B79" s="129"/>
      <c r="D79" s="163"/>
      <c r="E79" s="167"/>
      <c r="F79" s="213" t="s">
        <v>411</v>
      </c>
      <c r="G79" s="216"/>
      <c r="H79" s="164" t="s">
        <v>416</v>
      </c>
      <c r="I79" s="164"/>
      <c r="J79" s="164"/>
      <c r="K79" s="165">
        <v>1</v>
      </c>
      <c r="L79" s="166" t="s">
        <v>423</v>
      </c>
      <c r="M79" s="167"/>
      <c r="N79" s="167"/>
      <c r="O79" s="168"/>
    </row>
    <row r="80" spans="1:15" s="157" customFormat="1" ht="16.5" customHeight="1">
      <c r="A80" s="129"/>
      <c r="B80" s="129"/>
      <c r="D80" s="218"/>
      <c r="E80" s="219"/>
      <c r="F80" s="219"/>
      <c r="G80" s="219"/>
      <c r="H80" s="219"/>
      <c r="I80" s="219"/>
      <c r="J80" s="219"/>
      <c r="K80" s="220"/>
      <c r="L80" s="221"/>
      <c r="M80" s="222"/>
      <c r="N80" s="222"/>
      <c r="O80" s="223"/>
    </row>
    <row r="81" spans="1:15" s="157" customFormat="1" ht="16.5" customHeight="1">
      <c r="A81" s="129"/>
      <c r="B81" s="129"/>
      <c r="D81" s="163"/>
      <c r="E81" s="164"/>
      <c r="F81" s="164" t="s">
        <v>411</v>
      </c>
      <c r="G81" s="164"/>
      <c r="H81" s="164" t="s">
        <v>420</v>
      </c>
      <c r="I81" s="164"/>
      <c r="J81" s="164"/>
      <c r="K81" s="165">
        <v>2</v>
      </c>
      <c r="L81" s="166" t="s">
        <v>423</v>
      </c>
      <c r="M81" s="167"/>
      <c r="N81" s="167"/>
      <c r="O81" s="168"/>
    </row>
    <row r="82" spans="1:15" s="157" customFormat="1" ht="16.5" customHeight="1">
      <c r="A82" s="129"/>
      <c r="B82" s="129"/>
      <c r="D82" s="169"/>
      <c r="E82" s="170"/>
      <c r="F82" s="170"/>
      <c r="G82" s="170"/>
      <c r="H82" s="170"/>
      <c r="I82" s="170"/>
      <c r="J82" s="170"/>
      <c r="K82" s="171"/>
      <c r="L82" s="172"/>
      <c r="M82" s="173"/>
      <c r="N82" s="173"/>
      <c r="O82" s="174"/>
    </row>
    <row r="83" spans="1:15" s="157" customFormat="1" ht="16.5" customHeight="1">
      <c r="A83" s="129"/>
      <c r="B83" s="129"/>
      <c r="D83" s="163"/>
      <c r="E83" s="213"/>
      <c r="F83" s="164" t="s">
        <v>414</v>
      </c>
      <c r="G83" s="164"/>
      <c r="H83" s="164" t="s">
        <v>421</v>
      </c>
      <c r="I83" s="164"/>
      <c r="J83" s="164"/>
      <c r="K83" s="165">
        <v>1</v>
      </c>
      <c r="L83" s="214" t="s">
        <v>423</v>
      </c>
      <c r="M83" s="167"/>
      <c r="N83" s="167"/>
      <c r="O83" s="168"/>
    </row>
    <row r="84" spans="1:15" s="157" customFormat="1" ht="16.5" customHeight="1">
      <c r="A84" s="129"/>
      <c r="B84" s="129"/>
      <c r="D84" s="169"/>
      <c r="E84" s="170"/>
      <c r="F84" s="170"/>
      <c r="G84" s="170"/>
      <c r="H84" s="170"/>
      <c r="I84" s="170"/>
      <c r="J84" s="170"/>
      <c r="K84" s="171"/>
      <c r="L84" s="172"/>
      <c r="M84" s="173"/>
      <c r="N84" s="173"/>
      <c r="O84" s="174"/>
    </row>
    <row r="85" spans="1:15" s="157" customFormat="1" ht="16.5" customHeight="1">
      <c r="A85" s="129"/>
      <c r="B85" s="129"/>
      <c r="D85" s="163"/>
      <c r="E85" s="164"/>
      <c r="F85" s="164" t="s">
        <v>414</v>
      </c>
      <c r="G85" s="164"/>
      <c r="H85" s="164" t="s">
        <v>422</v>
      </c>
      <c r="I85" s="164"/>
      <c r="J85" s="164"/>
      <c r="K85" s="165">
        <v>6</v>
      </c>
      <c r="L85" s="166" t="s">
        <v>423</v>
      </c>
      <c r="M85" s="167"/>
      <c r="N85" s="167"/>
      <c r="O85" s="168"/>
    </row>
    <row r="86" spans="1:15" s="157" customFormat="1" ht="16.5" customHeight="1">
      <c r="A86" s="129"/>
      <c r="B86" s="129"/>
      <c r="D86" s="169"/>
      <c r="E86" s="170"/>
      <c r="F86" s="170"/>
      <c r="G86" s="170"/>
      <c r="H86" s="170"/>
      <c r="I86" s="170"/>
      <c r="J86" s="170"/>
      <c r="K86" s="171"/>
      <c r="L86" s="172"/>
      <c r="M86" s="173"/>
      <c r="N86" s="173"/>
      <c r="O86" s="174"/>
    </row>
    <row r="87" spans="1:15" s="157" customFormat="1" ht="16.5" customHeight="1">
      <c r="A87" s="129"/>
      <c r="B87" s="129"/>
      <c r="D87" s="163"/>
      <c r="E87" s="213"/>
      <c r="F87" s="164" t="s">
        <v>415</v>
      </c>
      <c r="G87" s="164"/>
      <c r="H87" s="164" t="s">
        <v>396</v>
      </c>
      <c r="I87" s="164"/>
      <c r="J87" s="164"/>
      <c r="K87" s="165">
        <v>1</v>
      </c>
      <c r="L87" s="166" t="s">
        <v>423</v>
      </c>
      <c r="M87" s="167"/>
      <c r="N87" s="167"/>
      <c r="O87" s="168"/>
    </row>
    <row r="88" spans="1:15" s="157" customFormat="1" ht="16.5" customHeight="1">
      <c r="A88" s="129"/>
      <c r="B88" s="129"/>
      <c r="D88" s="169"/>
      <c r="E88" s="170"/>
      <c r="F88" s="170"/>
      <c r="G88" s="170"/>
      <c r="H88" s="170"/>
      <c r="I88" s="170"/>
      <c r="J88" s="170"/>
      <c r="K88" s="171"/>
      <c r="L88" s="172"/>
      <c r="M88" s="173"/>
      <c r="N88" s="173"/>
      <c r="O88" s="174"/>
    </row>
    <row r="89" spans="1:15" s="157" customFormat="1" ht="16.5" customHeight="1">
      <c r="A89" s="129"/>
      <c r="B89" s="129"/>
      <c r="D89" s="163"/>
      <c r="E89" s="324" t="s">
        <v>432</v>
      </c>
      <c r="F89" s="217"/>
      <c r="G89" s="216"/>
      <c r="H89" s="164"/>
      <c r="I89" s="164"/>
      <c r="J89" s="164"/>
      <c r="K89" s="165"/>
      <c r="L89" s="166"/>
      <c r="M89" s="167"/>
      <c r="N89" s="167"/>
      <c r="O89" s="168"/>
    </row>
    <row r="90" spans="1:15" s="157" customFormat="1" ht="16.5" customHeight="1">
      <c r="A90" s="129"/>
      <c r="B90" s="129"/>
      <c r="D90" s="169"/>
      <c r="E90" s="170"/>
      <c r="F90" s="170"/>
      <c r="G90" s="170"/>
      <c r="H90" s="170"/>
      <c r="I90" s="170"/>
      <c r="J90" s="170"/>
      <c r="K90" s="171"/>
      <c r="L90" s="172"/>
      <c r="M90" s="173"/>
      <c r="N90" s="173"/>
      <c r="O90" s="174"/>
    </row>
    <row r="91" spans="1:15" s="157" customFormat="1" ht="16.5" customHeight="1">
      <c r="A91" s="129"/>
      <c r="B91" s="129"/>
      <c r="D91" s="163"/>
      <c r="E91" s="164" t="s">
        <v>424</v>
      </c>
      <c r="F91" s="213"/>
      <c r="G91" s="164"/>
      <c r="H91" s="164"/>
      <c r="I91" s="164"/>
      <c r="J91" s="164"/>
      <c r="K91" s="165"/>
      <c r="L91" s="166"/>
      <c r="M91" s="167"/>
      <c r="N91" s="167"/>
      <c r="O91" s="168"/>
    </row>
    <row r="92" spans="1:15" s="157" customFormat="1" ht="16.5" customHeight="1">
      <c r="A92" s="129"/>
      <c r="B92" s="129"/>
      <c r="D92" s="169"/>
      <c r="E92" s="170"/>
      <c r="F92" s="170"/>
      <c r="G92" s="170"/>
      <c r="H92" s="170"/>
      <c r="I92" s="170"/>
      <c r="J92" s="170"/>
      <c r="K92" s="171"/>
      <c r="L92" s="172"/>
      <c r="M92" s="173"/>
      <c r="N92" s="173"/>
      <c r="O92" s="174"/>
    </row>
    <row r="93" spans="1:15" s="157" customFormat="1" ht="16.5" customHeight="1">
      <c r="A93" s="129"/>
      <c r="B93" s="129"/>
      <c r="D93" s="175" t="s">
        <v>425</v>
      </c>
      <c r="E93" s="176"/>
      <c r="F93" s="176"/>
      <c r="G93" s="176"/>
      <c r="H93" s="176"/>
      <c r="I93" s="176"/>
      <c r="J93" s="176"/>
      <c r="K93" s="177"/>
      <c r="L93" s="178"/>
      <c r="M93" s="179"/>
      <c r="N93" s="179"/>
      <c r="O93" s="180"/>
    </row>
    <row r="94" spans="1:15" s="157" customFormat="1" ht="16.5" customHeight="1">
      <c r="A94" s="129"/>
      <c r="B94" s="129"/>
      <c r="D94" s="158"/>
      <c r="E94" s="159"/>
      <c r="F94" s="159"/>
      <c r="G94" s="4"/>
      <c r="H94" s="4"/>
      <c r="I94" s="159"/>
      <c r="J94" s="159"/>
      <c r="K94" s="160"/>
      <c r="L94" s="161"/>
      <c r="M94" s="5"/>
      <c r="N94" s="5"/>
      <c r="O94" s="162"/>
    </row>
    <row r="95" spans="1:15" s="157" customFormat="1" ht="16.5" customHeight="1">
      <c r="A95" s="129"/>
      <c r="B95" s="129"/>
      <c r="D95" s="163" t="s">
        <v>430</v>
      </c>
      <c r="E95" s="164"/>
      <c r="F95" s="164"/>
      <c r="G95" s="164"/>
      <c r="H95" s="164"/>
      <c r="I95" s="164"/>
      <c r="J95" s="164"/>
      <c r="K95" s="165"/>
      <c r="L95" s="166"/>
      <c r="M95" s="167"/>
      <c r="N95" s="167"/>
      <c r="O95" s="168"/>
    </row>
    <row r="96" spans="1:15" s="157" customFormat="1" ht="16.5" customHeight="1">
      <c r="A96" s="129"/>
      <c r="B96" s="129"/>
      <c r="D96" s="169"/>
      <c r="E96" s="170"/>
      <c r="F96" s="170"/>
      <c r="G96" s="170"/>
      <c r="H96" s="170"/>
      <c r="I96" s="170"/>
      <c r="J96" s="170"/>
      <c r="K96" s="171"/>
      <c r="L96" s="172"/>
      <c r="M96" s="173"/>
      <c r="N96" s="173"/>
      <c r="O96" s="174"/>
    </row>
    <row r="97" spans="1:15" s="157" customFormat="1" ht="16.5" customHeight="1">
      <c r="A97" s="129"/>
      <c r="B97" s="129"/>
      <c r="D97" s="163"/>
      <c r="E97" s="164" t="s">
        <v>358</v>
      </c>
      <c r="F97" s="164"/>
      <c r="G97" s="164"/>
      <c r="H97" s="164"/>
      <c r="I97" s="164"/>
      <c r="J97" s="164"/>
      <c r="K97" s="165"/>
      <c r="L97" s="166"/>
      <c r="M97" s="167"/>
      <c r="N97" s="167"/>
      <c r="O97" s="168"/>
    </row>
    <row r="98" spans="1:15" s="157" customFormat="1" ht="16.5" customHeight="1">
      <c r="A98" s="129"/>
      <c r="B98" s="129"/>
      <c r="D98" s="169"/>
      <c r="E98" s="170"/>
      <c r="F98" s="170"/>
      <c r="G98" s="170"/>
      <c r="H98" s="170"/>
      <c r="I98" s="170"/>
      <c r="J98" s="170"/>
      <c r="K98" s="171"/>
      <c r="L98" s="172"/>
      <c r="M98" s="173"/>
      <c r="N98" s="173"/>
      <c r="O98" s="174"/>
    </row>
    <row r="99" spans="1:15" s="157" customFormat="1" ht="16.5" customHeight="1">
      <c r="A99" s="129"/>
      <c r="B99" s="129"/>
      <c r="D99" s="163"/>
      <c r="E99" s="164"/>
      <c r="F99" s="164" t="s">
        <v>359</v>
      </c>
      <c r="G99" s="164"/>
      <c r="H99" s="164" t="s">
        <v>427</v>
      </c>
      <c r="I99" s="164"/>
      <c r="J99" s="164"/>
      <c r="K99" s="165">
        <v>1.02</v>
      </c>
      <c r="L99" s="166" t="s">
        <v>365</v>
      </c>
      <c r="M99" s="167"/>
      <c r="N99" s="167"/>
      <c r="O99" s="168"/>
    </row>
    <row r="100" spans="1:15" s="157" customFormat="1" ht="16.5" customHeight="1">
      <c r="A100" s="129"/>
      <c r="B100" s="129"/>
      <c r="D100" s="169"/>
      <c r="E100" s="170"/>
      <c r="F100" s="170"/>
      <c r="G100" s="170"/>
      <c r="H100" s="170"/>
      <c r="I100" s="170"/>
      <c r="J100" s="170"/>
      <c r="K100" s="171"/>
      <c r="L100" s="172"/>
      <c r="M100" s="173"/>
      <c r="N100" s="173"/>
      <c r="O100" s="174"/>
    </row>
    <row r="101" spans="1:15" s="157" customFormat="1" ht="16.5" customHeight="1">
      <c r="A101" s="129"/>
      <c r="B101" s="129"/>
      <c r="D101" s="163"/>
      <c r="E101" s="164"/>
      <c r="F101" s="164" t="s">
        <v>375</v>
      </c>
      <c r="G101" s="164"/>
      <c r="H101" s="164" t="s">
        <v>428</v>
      </c>
      <c r="I101" s="164"/>
      <c r="J101" s="164"/>
      <c r="K101" s="314">
        <v>8.3000000000000007</v>
      </c>
      <c r="L101" s="166" t="s">
        <v>376</v>
      </c>
      <c r="M101" s="167"/>
      <c r="N101" s="167"/>
      <c r="O101" s="168"/>
    </row>
    <row r="102" spans="1:15" s="157" customFormat="1" ht="16.5" customHeight="1">
      <c r="A102" s="129"/>
      <c r="B102" s="129"/>
      <c r="D102" s="169"/>
      <c r="E102" s="170"/>
      <c r="F102" s="170"/>
      <c r="G102" s="170"/>
      <c r="H102" s="170"/>
      <c r="I102" s="170"/>
      <c r="J102" s="170"/>
      <c r="K102" s="171"/>
      <c r="L102" s="172"/>
      <c r="M102" s="173"/>
      <c r="N102" s="173"/>
      <c r="O102" s="174"/>
    </row>
    <row r="103" spans="1:15" s="157" customFormat="1" ht="16.5" customHeight="1">
      <c r="A103" s="129"/>
      <c r="B103" s="129"/>
      <c r="D103" s="163"/>
      <c r="E103" s="164"/>
      <c r="F103" s="164" t="s">
        <v>360</v>
      </c>
      <c r="G103" s="164"/>
      <c r="H103" s="164"/>
      <c r="I103" s="164"/>
      <c r="J103" s="164"/>
      <c r="K103" s="165">
        <v>35.700000000000003</v>
      </c>
      <c r="L103" s="166" t="s">
        <v>374</v>
      </c>
      <c r="M103" s="167"/>
      <c r="N103" s="167"/>
      <c r="O103" s="168"/>
    </row>
    <row r="104" spans="1:15" s="157" customFormat="1" ht="16.5" customHeight="1">
      <c r="A104" s="129"/>
      <c r="B104" s="129"/>
      <c r="D104" s="169"/>
      <c r="E104" s="170"/>
      <c r="F104" s="170"/>
      <c r="G104" s="170"/>
      <c r="H104" s="170"/>
      <c r="I104" s="170"/>
      <c r="J104" s="170"/>
      <c r="K104" s="171"/>
      <c r="L104" s="172"/>
      <c r="M104" s="173"/>
      <c r="N104" s="173"/>
      <c r="O104" s="174"/>
    </row>
    <row r="105" spans="1:15" s="157" customFormat="1" ht="16.5" customHeight="1">
      <c r="A105" s="129"/>
      <c r="B105" s="129"/>
      <c r="D105" s="163"/>
      <c r="E105" s="164"/>
      <c r="F105" s="164" t="s">
        <v>361</v>
      </c>
      <c r="G105" s="164"/>
      <c r="H105" s="164"/>
      <c r="I105" s="164"/>
      <c r="J105" s="164"/>
      <c r="K105" s="165">
        <v>0.28000000000000003</v>
      </c>
      <c r="L105" s="166" t="s">
        <v>373</v>
      </c>
      <c r="M105" s="167"/>
      <c r="N105" s="167"/>
      <c r="O105" s="168"/>
    </row>
    <row r="106" spans="1:15" s="157" customFormat="1" ht="16.5" customHeight="1">
      <c r="A106" s="129"/>
      <c r="B106" s="129"/>
      <c r="D106" s="169"/>
      <c r="E106" s="170"/>
      <c r="F106" s="170"/>
      <c r="G106" s="170"/>
      <c r="H106" s="170"/>
      <c r="I106" s="170"/>
      <c r="J106" s="170"/>
      <c r="K106" s="171"/>
      <c r="L106" s="172"/>
      <c r="M106" s="173"/>
      <c r="N106" s="173"/>
      <c r="O106" s="174"/>
    </row>
    <row r="107" spans="1:15" s="157" customFormat="1" ht="16.5" customHeight="1">
      <c r="A107" s="129"/>
      <c r="B107" s="129"/>
      <c r="D107" s="163"/>
      <c r="E107" s="164"/>
      <c r="F107" s="164" t="s">
        <v>362</v>
      </c>
      <c r="G107" s="164"/>
      <c r="H107" s="164" t="s">
        <v>474</v>
      </c>
      <c r="I107" s="164"/>
      <c r="J107" s="164"/>
      <c r="K107" s="313">
        <v>30.7</v>
      </c>
      <c r="L107" s="166" t="s">
        <v>372</v>
      </c>
      <c r="M107" s="167"/>
      <c r="N107" s="167"/>
      <c r="O107" s="168"/>
    </row>
    <row r="108" spans="1:15" s="157" customFormat="1" ht="16.5" customHeight="1">
      <c r="A108" s="129"/>
      <c r="B108" s="129"/>
      <c r="D108" s="169"/>
      <c r="E108" s="170"/>
      <c r="F108" s="170"/>
      <c r="G108" s="170"/>
      <c r="H108" s="170"/>
      <c r="I108" s="170"/>
      <c r="J108" s="170"/>
      <c r="K108" s="171"/>
      <c r="L108" s="172"/>
      <c r="M108" s="173"/>
      <c r="N108" s="173"/>
      <c r="O108" s="174"/>
    </row>
    <row r="109" spans="1:15" s="157" customFormat="1" ht="16.5" customHeight="1">
      <c r="A109" s="129"/>
      <c r="B109" s="129"/>
      <c r="D109" s="163"/>
      <c r="E109" s="164"/>
      <c r="F109" s="164" t="s">
        <v>363</v>
      </c>
      <c r="G109" s="164"/>
      <c r="H109" s="164"/>
      <c r="I109" s="164"/>
      <c r="J109" s="164"/>
      <c r="K109" s="313">
        <v>15.9</v>
      </c>
      <c r="L109" s="166" t="s">
        <v>377</v>
      </c>
      <c r="M109" s="167"/>
      <c r="N109" s="167"/>
      <c r="O109" s="168"/>
    </row>
    <row r="110" spans="1:15" s="157" customFormat="1" ht="16.5" customHeight="1">
      <c r="A110" s="129"/>
      <c r="B110" s="129"/>
      <c r="D110" s="169"/>
      <c r="E110" s="170"/>
      <c r="F110" s="170"/>
      <c r="G110" s="170"/>
      <c r="H110" s="170"/>
      <c r="I110" s="170"/>
      <c r="J110" s="170"/>
      <c r="K110" s="171"/>
      <c r="L110" s="172"/>
      <c r="M110" s="173"/>
      <c r="N110" s="173"/>
      <c r="O110" s="174"/>
    </row>
    <row r="111" spans="1:15" s="157" customFormat="1" ht="16.5" customHeight="1">
      <c r="A111" s="129"/>
      <c r="B111" s="129"/>
      <c r="D111" s="163"/>
      <c r="E111" s="164"/>
      <c r="F111" s="164" t="s">
        <v>364</v>
      </c>
      <c r="G111" s="164"/>
      <c r="H111" s="164"/>
      <c r="I111" s="164"/>
      <c r="J111" s="164"/>
      <c r="K111" s="314">
        <v>0.04</v>
      </c>
      <c r="L111" s="166" t="s">
        <v>371</v>
      </c>
      <c r="M111" s="167"/>
      <c r="N111" s="167"/>
      <c r="O111" s="168"/>
    </row>
    <row r="112" spans="1:15" s="157" customFormat="1" ht="16.5" customHeight="1">
      <c r="A112" s="129"/>
      <c r="B112" s="129"/>
      <c r="D112" s="169"/>
      <c r="E112" s="170"/>
      <c r="F112" s="170"/>
      <c r="G112" s="170"/>
      <c r="H112" s="170"/>
      <c r="I112" s="170"/>
      <c r="J112" s="170"/>
      <c r="K112" s="171"/>
      <c r="L112" s="172"/>
      <c r="M112" s="173"/>
      <c r="N112" s="173"/>
      <c r="O112" s="174"/>
    </row>
    <row r="113" spans="1:15" s="157" customFormat="1" ht="16.5" customHeight="1">
      <c r="A113" s="129"/>
      <c r="B113" s="129"/>
      <c r="D113" s="163"/>
      <c r="E113" s="164"/>
      <c r="F113" s="164"/>
      <c r="G113" s="164"/>
      <c r="H113" s="164"/>
      <c r="I113" s="164"/>
      <c r="J113" s="164"/>
      <c r="K113" s="165"/>
      <c r="L113" s="166"/>
      <c r="M113" s="167"/>
      <c r="N113" s="167"/>
      <c r="O113" s="317"/>
    </row>
    <row r="114" spans="1:15" s="157" customFormat="1" ht="16.5" customHeight="1">
      <c r="A114" s="129"/>
      <c r="B114" s="129"/>
      <c r="D114" s="169"/>
      <c r="E114" s="170"/>
      <c r="F114" s="170"/>
      <c r="G114" s="170"/>
      <c r="H114" s="170"/>
      <c r="I114" s="170"/>
      <c r="J114" s="170"/>
      <c r="K114" s="171"/>
      <c r="L114" s="172"/>
      <c r="M114" s="173"/>
      <c r="N114" s="173"/>
      <c r="O114" s="174"/>
    </row>
    <row r="115" spans="1:15" s="157" customFormat="1" ht="16.5" customHeight="1">
      <c r="A115" s="129"/>
      <c r="B115" s="129"/>
      <c r="D115" s="163"/>
      <c r="E115" s="164"/>
      <c r="F115" s="164"/>
      <c r="G115" s="164"/>
      <c r="H115" s="164"/>
      <c r="I115" s="164"/>
      <c r="J115" s="164"/>
      <c r="K115" s="165"/>
      <c r="L115" s="166"/>
      <c r="M115" s="167"/>
      <c r="N115" s="167"/>
      <c r="O115" s="168"/>
    </row>
    <row r="116" spans="1:15" s="157" customFormat="1" ht="16.5" customHeight="1">
      <c r="A116" s="129"/>
      <c r="B116" s="129"/>
      <c r="D116" s="169"/>
      <c r="E116" s="170"/>
      <c r="F116" s="170"/>
      <c r="G116" s="170"/>
      <c r="H116" s="170"/>
      <c r="I116" s="170"/>
      <c r="J116" s="170"/>
      <c r="K116" s="171"/>
      <c r="L116" s="172"/>
      <c r="M116" s="173"/>
      <c r="N116" s="173"/>
      <c r="O116" s="174"/>
    </row>
    <row r="117" spans="1:15" s="157" customFormat="1" ht="16.5" customHeight="1">
      <c r="A117" s="129"/>
      <c r="B117" s="129"/>
      <c r="D117" s="163"/>
      <c r="E117" s="164"/>
      <c r="F117" s="164"/>
      <c r="G117" s="164"/>
      <c r="H117" s="164"/>
      <c r="I117" s="164"/>
      <c r="J117" s="164"/>
      <c r="K117" s="165"/>
      <c r="L117" s="166"/>
      <c r="M117" s="167"/>
      <c r="N117" s="167"/>
      <c r="O117" s="168"/>
    </row>
    <row r="118" spans="1:15" s="157" customFormat="1" ht="16.5" customHeight="1">
      <c r="A118" s="129"/>
      <c r="B118" s="129"/>
      <c r="D118" s="169"/>
      <c r="E118" s="170"/>
      <c r="F118" s="170"/>
      <c r="G118" s="170"/>
      <c r="H118" s="170"/>
      <c r="I118" s="170"/>
      <c r="J118" s="170"/>
      <c r="K118" s="171"/>
      <c r="L118" s="172"/>
      <c r="M118" s="173"/>
      <c r="N118" s="173"/>
      <c r="O118" s="174"/>
    </row>
    <row r="119" spans="1:15" s="157" customFormat="1" ht="16.5" customHeight="1">
      <c r="A119" s="129"/>
      <c r="B119" s="129"/>
      <c r="D119" s="163"/>
      <c r="E119" s="164"/>
      <c r="F119" s="164"/>
      <c r="G119" s="164"/>
      <c r="H119" s="164"/>
      <c r="I119" s="164"/>
      <c r="J119" s="164"/>
      <c r="K119" s="165"/>
      <c r="L119" s="166"/>
      <c r="M119" s="167"/>
      <c r="N119" s="167"/>
      <c r="O119" s="168"/>
    </row>
    <row r="120" spans="1:15" s="157" customFormat="1" ht="16.5" customHeight="1">
      <c r="A120" s="129"/>
      <c r="B120" s="129"/>
      <c r="D120" s="169"/>
      <c r="E120" s="170"/>
      <c r="F120" s="170"/>
      <c r="G120" s="170"/>
      <c r="H120" s="170"/>
      <c r="I120" s="170"/>
      <c r="J120" s="170"/>
      <c r="K120" s="171"/>
      <c r="L120" s="172"/>
      <c r="M120" s="173"/>
      <c r="N120" s="173"/>
      <c r="O120" s="174"/>
    </row>
    <row r="121" spans="1:15" s="157" customFormat="1" ht="16.5" customHeight="1">
      <c r="A121" s="129"/>
      <c r="B121" s="129"/>
      <c r="D121" s="163"/>
      <c r="E121" s="164" t="s">
        <v>366</v>
      </c>
      <c r="F121" s="164"/>
      <c r="G121" s="164"/>
      <c r="H121" s="164"/>
      <c r="I121" s="164"/>
      <c r="J121" s="164"/>
      <c r="K121" s="165"/>
      <c r="L121" s="166"/>
      <c r="M121" s="167"/>
      <c r="N121" s="167"/>
      <c r="O121" s="168"/>
    </row>
    <row r="122" spans="1:15" s="157" customFormat="1" ht="16.5" customHeight="1">
      <c r="A122" s="129"/>
      <c r="B122" s="129"/>
      <c r="D122" s="169"/>
      <c r="E122" s="170"/>
      <c r="F122" s="170"/>
      <c r="G122" s="170"/>
      <c r="H122" s="170"/>
      <c r="I122" s="170"/>
      <c r="J122" s="170"/>
      <c r="K122" s="171"/>
      <c r="L122" s="172"/>
      <c r="M122" s="173"/>
      <c r="N122" s="173"/>
      <c r="O122" s="174"/>
    </row>
    <row r="123" spans="1:15" s="157" customFormat="1" ht="16.5" customHeight="1">
      <c r="A123" s="129"/>
      <c r="B123" s="129"/>
      <c r="D123" s="175"/>
      <c r="E123" s="176"/>
      <c r="F123" s="176"/>
      <c r="G123" s="176"/>
      <c r="H123" s="176"/>
      <c r="I123" s="176"/>
      <c r="J123" s="176"/>
      <c r="K123" s="177"/>
      <c r="L123" s="178"/>
      <c r="M123" s="179"/>
      <c r="N123" s="179"/>
      <c r="O123" s="180"/>
    </row>
    <row r="124" spans="1:15" s="157" customFormat="1" ht="16.5" customHeight="1">
      <c r="A124" s="129"/>
      <c r="B124" s="129"/>
      <c r="D124" s="169"/>
      <c r="E124" s="170"/>
      <c r="F124" s="170"/>
      <c r="G124" s="170"/>
      <c r="H124" s="170"/>
      <c r="I124" s="170"/>
      <c r="J124" s="170"/>
      <c r="K124" s="171"/>
      <c r="L124" s="172"/>
      <c r="M124" s="173"/>
      <c r="N124" s="173"/>
      <c r="O124" s="174"/>
    </row>
    <row r="125" spans="1:15" s="157" customFormat="1" ht="16.5" customHeight="1">
      <c r="A125" s="129"/>
      <c r="B125" s="129"/>
      <c r="D125" s="163"/>
      <c r="E125" s="167" t="s">
        <v>465</v>
      </c>
      <c r="F125" s="167"/>
      <c r="G125" s="216"/>
      <c r="H125" s="164"/>
      <c r="I125" s="164"/>
      <c r="J125" s="164"/>
      <c r="K125" s="165"/>
      <c r="L125" s="166"/>
      <c r="M125" s="167"/>
      <c r="N125" s="167"/>
      <c r="O125" s="168"/>
    </row>
    <row r="126" spans="1:15" s="157" customFormat="1" ht="16.5" customHeight="1">
      <c r="A126" s="129"/>
      <c r="B126" s="129"/>
      <c r="D126" s="169"/>
      <c r="E126" s="170"/>
      <c r="F126" s="170"/>
      <c r="G126" s="170"/>
      <c r="H126" s="170"/>
      <c r="I126" s="170"/>
      <c r="J126" s="170"/>
      <c r="K126" s="171"/>
      <c r="L126" s="172"/>
      <c r="M126" s="173"/>
      <c r="N126" s="173"/>
      <c r="O126" s="174"/>
    </row>
    <row r="127" spans="1:15" s="157" customFormat="1" ht="16.5" customHeight="1">
      <c r="A127" s="129"/>
      <c r="B127" s="129"/>
      <c r="D127" s="163"/>
      <c r="E127" s="164"/>
      <c r="F127" s="164" t="s">
        <v>458</v>
      </c>
      <c r="G127" s="164" t="s">
        <v>459</v>
      </c>
      <c r="H127" s="164"/>
      <c r="I127" s="164"/>
      <c r="J127" s="164"/>
      <c r="K127" s="165">
        <v>131</v>
      </c>
      <c r="L127" s="166" t="s">
        <v>377</v>
      </c>
      <c r="M127" s="167"/>
      <c r="N127" s="167"/>
      <c r="O127" s="168"/>
    </row>
    <row r="128" spans="1:15" s="157" customFormat="1" ht="16.5" customHeight="1">
      <c r="A128" s="129"/>
      <c r="B128" s="129"/>
      <c r="D128" s="169"/>
      <c r="E128" s="170"/>
      <c r="F128" s="170"/>
      <c r="G128" s="170"/>
      <c r="H128" s="170"/>
      <c r="I128" s="170"/>
      <c r="J128" s="170"/>
      <c r="K128" s="171"/>
      <c r="L128" s="172"/>
      <c r="M128" s="173"/>
      <c r="N128" s="173"/>
      <c r="O128" s="174"/>
    </row>
    <row r="129" spans="1:17" s="157" customFormat="1" ht="16.5" customHeight="1">
      <c r="A129" s="129"/>
      <c r="B129" s="129"/>
      <c r="D129" s="163"/>
      <c r="E129" s="167"/>
      <c r="F129" s="164" t="s">
        <v>458</v>
      </c>
      <c r="G129" s="164" t="s">
        <v>460</v>
      </c>
      <c r="H129" s="164"/>
      <c r="I129" s="164"/>
      <c r="J129" s="164"/>
      <c r="K129" s="165">
        <v>25.8</v>
      </c>
      <c r="L129" s="166" t="s">
        <v>377</v>
      </c>
      <c r="M129" s="167"/>
      <c r="N129" s="167"/>
      <c r="O129" s="168"/>
    </row>
    <row r="130" spans="1:17" s="157" customFormat="1" ht="16.5" customHeight="1">
      <c r="A130" s="129"/>
      <c r="B130" s="129"/>
      <c r="D130" s="169"/>
      <c r="E130" s="170"/>
      <c r="F130" s="170"/>
      <c r="G130" s="170"/>
      <c r="H130" s="170"/>
      <c r="I130" s="170"/>
      <c r="J130" s="170"/>
      <c r="K130" s="171"/>
      <c r="L130" s="172"/>
      <c r="M130" s="173"/>
      <c r="N130" s="173"/>
      <c r="O130" s="174"/>
    </row>
    <row r="131" spans="1:17" s="157" customFormat="1" ht="16.5" customHeight="1">
      <c r="A131" s="129"/>
      <c r="B131" s="129"/>
      <c r="D131" s="163"/>
      <c r="E131" s="164"/>
      <c r="F131" s="164" t="s">
        <v>458</v>
      </c>
      <c r="G131" s="164" t="s">
        <v>461</v>
      </c>
      <c r="H131" s="164"/>
      <c r="I131" s="164"/>
      <c r="J131" s="164"/>
      <c r="K131" s="165">
        <v>41.8</v>
      </c>
      <c r="L131" s="166" t="s">
        <v>377</v>
      </c>
      <c r="M131" s="167"/>
      <c r="N131" s="167"/>
      <c r="O131" s="168"/>
    </row>
    <row r="132" spans="1:17" s="157" customFormat="1" ht="16.5" customHeight="1">
      <c r="A132" s="129"/>
      <c r="B132" s="129"/>
      <c r="D132" s="169"/>
      <c r="E132" s="170"/>
      <c r="F132" s="170"/>
      <c r="G132" s="170"/>
      <c r="H132" s="170"/>
      <c r="I132" s="170"/>
      <c r="J132" s="170"/>
      <c r="K132" s="171"/>
      <c r="L132" s="172"/>
      <c r="M132" s="173"/>
      <c r="N132" s="173"/>
      <c r="O132" s="174"/>
    </row>
    <row r="133" spans="1:17" s="157" customFormat="1" ht="16.5" customHeight="1">
      <c r="A133" s="129"/>
      <c r="B133" s="129"/>
      <c r="D133" s="163"/>
      <c r="E133" s="164"/>
      <c r="F133" s="164" t="s">
        <v>458</v>
      </c>
      <c r="G133" s="164" t="s">
        <v>462</v>
      </c>
      <c r="H133" s="164"/>
      <c r="I133" s="164"/>
      <c r="J133" s="164"/>
      <c r="K133" s="165">
        <v>75.099999999999994</v>
      </c>
      <c r="L133" s="166" t="s">
        <v>377</v>
      </c>
      <c r="M133" s="167"/>
      <c r="N133" s="167"/>
      <c r="O133" s="168"/>
    </row>
    <row r="134" spans="1:17" s="157" customFormat="1" ht="16.5" customHeight="1">
      <c r="A134" s="129"/>
      <c r="B134" s="129"/>
      <c r="D134" s="169"/>
      <c r="E134" s="170"/>
      <c r="F134" s="170"/>
      <c r="G134" s="170"/>
      <c r="H134" s="170"/>
      <c r="I134" s="170"/>
      <c r="J134" s="170"/>
      <c r="K134" s="171"/>
      <c r="L134" s="172"/>
      <c r="M134" s="173"/>
      <c r="N134" s="173"/>
      <c r="O134" s="174"/>
    </row>
    <row r="135" spans="1:17" s="157" customFormat="1" ht="16.5" customHeight="1">
      <c r="A135" s="129"/>
      <c r="B135" s="129"/>
      <c r="D135" s="163"/>
      <c r="E135" s="164"/>
      <c r="F135" s="164" t="s">
        <v>458</v>
      </c>
      <c r="G135" s="164" t="s">
        <v>463</v>
      </c>
      <c r="H135" s="164"/>
      <c r="I135" s="164"/>
      <c r="J135" s="164"/>
      <c r="K135" s="165">
        <v>6.34</v>
      </c>
      <c r="L135" s="166" t="s">
        <v>377</v>
      </c>
      <c r="M135" s="167"/>
      <c r="N135" s="167"/>
      <c r="O135" s="168"/>
      <c r="Q135" s="200"/>
    </row>
    <row r="136" spans="1:17" s="157" customFormat="1" ht="16.5" customHeight="1">
      <c r="A136" s="129"/>
      <c r="B136" s="129"/>
      <c r="D136" s="169"/>
      <c r="E136" s="170"/>
      <c r="F136" s="170"/>
      <c r="G136" s="170"/>
      <c r="H136" s="170"/>
      <c r="I136" s="170"/>
      <c r="J136" s="170"/>
      <c r="K136" s="171"/>
      <c r="L136" s="172"/>
      <c r="M136" s="173"/>
      <c r="N136" s="173"/>
      <c r="O136" s="174"/>
    </row>
    <row r="137" spans="1:17" s="157" customFormat="1" ht="16.5" customHeight="1">
      <c r="A137" s="129"/>
      <c r="B137" s="129"/>
      <c r="D137" s="163"/>
      <c r="E137" s="164"/>
      <c r="F137" s="164" t="s">
        <v>458</v>
      </c>
      <c r="G137" s="164" t="s">
        <v>464</v>
      </c>
      <c r="H137" s="164"/>
      <c r="I137" s="164"/>
      <c r="J137" s="164"/>
      <c r="K137" s="313">
        <v>10</v>
      </c>
      <c r="L137" s="166" t="s">
        <v>377</v>
      </c>
      <c r="M137" s="167"/>
      <c r="N137" s="167"/>
      <c r="O137" s="168"/>
      <c r="Q137" s="200"/>
    </row>
    <row r="138" spans="1:17" s="157" customFormat="1" ht="16.5" customHeight="1">
      <c r="A138" s="129"/>
      <c r="B138" s="129"/>
      <c r="D138" s="169"/>
      <c r="E138" s="170"/>
      <c r="F138" s="170"/>
      <c r="G138" s="170"/>
      <c r="H138" s="170"/>
      <c r="I138" s="170"/>
      <c r="J138" s="170"/>
      <c r="K138" s="171"/>
      <c r="L138" s="172"/>
      <c r="M138" s="173"/>
      <c r="N138" s="173"/>
      <c r="O138" s="174"/>
    </row>
    <row r="139" spans="1:17" s="157" customFormat="1" ht="16.5" customHeight="1">
      <c r="A139" s="129"/>
      <c r="B139" s="129"/>
      <c r="D139" s="163"/>
      <c r="E139" s="164"/>
      <c r="F139" s="164"/>
      <c r="G139" s="164"/>
      <c r="H139" s="164"/>
      <c r="I139" s="164"/>
      <c r="J139" s="164"/>
      <c r="K139" s="165"/>
      <c r="L139" s="166"/>
      <c r="M139" s="167"/>
      <c r="N139" s="167"/>
      <c r="O139" s="168"/>
    </row>
    <row r="140" spans="1:17" s="157" customFormat="1" ht="16.5" customHeight="1">
      <c r="A140" s="129"/>
      <c r="B140" s="129"/>
      <c r="D140" s="169"/>
      <c r="E140" s="170"/>
      <c r="F140" s="170"/>
      <c r="G140" s="170"/>
      <c r="H140" s="170"/>
      <c r="I140" s="170"/>
      <c r="J140" s="170"/>
      <c r="K140" s="171"/>
      <c r="L140" s="172"/>
      <c r="M140" s="173"/>
      <c r="N140" s="173"/>
      <c r="O140" s="174"/>
    </row>
    <row r="141" spans="1:17" s="157" customFormat="1" ht="16.5" customHeight="1">
      <c r="A141" s="129"/>
      <c r="B141" s="129"/>
      <c r="D141" s="163"/>
      <c r="E141" s="164"/>
      <c r="F141" s="164"/>
      <c r="G141" s="164"/>
      <c r="H141" s="164"/>
      <c r="I141" s="164"/>
      <c r="J141" s="164"/>
      <c r="K141" s="165"/>
      <c r="L141" s="166"/>
      <c r="M141" s="167"/>
      <c r="N141" s="167"/>
      <c r="O141" s="168"/>
      <c r="Q141" s="200"/>
    </row>
    <row r="142" spans="1:17" s="157" customFormat="1" ht="16.5" customHeight="1">
      <c r="A142" s="129"/>
      <c r="B142" s="129"/>
      <c r="D142" s="169"/>
      <c r="E142" s="170"/>
      <c r="F142" s="170"/>
      <c r="G142" s="170"/>
      <c r="H142" s="170"/>
      <c r="I142" s="170"/>
      <c r="J142" s="170"/>
      <c r="K142" s="171"/>
      <c r="L142" s="172"/>
      <c r="M142" s="173"/>
      <c r="N142" s="173"/>
      <c r="O142" s="174"/>
    </row>
    <row r="143" spans="1:17" s="157" customFormat="1" ht="16.5" customHeight="1">
      <c r="A143" s="129"/>
      <c r="B143" s="129"/>
      <c r="D143" s="163"/>
      <c r="E143" s="164"/>
      <c r="F143" s="164"/>
      <c r="G143" s="164"/>
      <c r="H143" s="164"/>
      <c r="I143" s="164"/>
      <c r="J143" s="164"/>
      <c r="K143" s="165"/>
      <c r="L143" s="166"/>
      <c r="M143" s="167"/>
      <c r="N143" s="167"/>
      <c r="O143" s="168"/>
      <c r="Q143" s="200"/>
    </row>
    <row r="144" spans="1:17" s="201" customFormat="1" ht="16.5" customHeight="1">
      <c r="A144" s="129"/>
      <c r="B144" s="129"/>
      <c r="D144" s="169"/>
      <c r="E144" s="170"/>
      <c r="F144" s="170"/>
      <c r="G144" s="170"/>
      <c r="H144" s="170"/>
      <c r="I144" s="170"/>
      <c r="J144" s="170"/>
      <c r="K144" s="171"/>
      <c r="L144" s="172"/>
      <c r="M144" s="173"/>
      <c r="N144" s="173"/>
      <c r="O144" s="174"/>
    </row>
    <row r="145" spans="1:15" s="202" customFormat="1" ht="16.5" customHeight="1">
      <c r="A145" s="129"/>
      <c r="B145" s="129"/>
      <c r="D145" s="163"/>
      <c r="E145" s="164"/>
      <c r="F145" s="164"/>
      <c r="G145" s="164"/>
      <c r="H145" s="164"/>
      <c r="I145" s="164"/>
      <c r="J145" s="164"/>
      <c r="K145" s="165"/>
      <c r="L145" s="166"/>
      <c r="M145" s="167"/>
      <c r="N145" s="167"/>
      <c r="O145" s="168"/>
    </row>
    <row r="146" spans="1:15" s="157" customFormat="1" ht="16.5" customHeight="1">
      <c r="A146" s="129"/>
      <c r="B146" s="129"/>
      <c r="D146" s="169"/>
      <c r="E146" s="170"/>
      <c r="F146" s="170"/>
      <c r="G146" s="170"/>
      <c r="H146" s="170"/>
      <c r="I146" s="170"/>
      <c r="J146" s="170"/>
      <c r="K146" s="171"/>
      <c r="L146" s="172"/>
      <c r="M146" s="173"/>
      <c r="N146" s="173"/>
      <c r="O146" s="174"/>
    </row>
    <row r="147" spans="1:15" s="157" customFormat="1" ht="16.5" customHeight="1">
      <c r="A147" s="129"/>
      <c r="B147" s="129"/>
      <c r="D147" s="163"/>
      <c r="E147" s="164"/>
      <c r="F147" s="164"/>
      <c r="G147" s="164"/>
      <c r="H147" s="164"/>
      <c r="I147" s="164"/>
      <c r="J147" s="164"/>
      <c r="K147" s="165"/>
      <c r="L147" s="166"/>
      <c r="M147" s="167"/>
      <c r="N147" s="167"/>
      <c r="O147" s="168"/>
    </row>
    <row r="148" spans="1:15" s="157" customFormat="1" ht="16.5" customHeight="1">
      <c r="A148" s="129"/>
      <c r="B148" s="129"/>
      <c r="D148" s="169"/>
      <c r="E148" s="170"/>
      <c r="F148" s="170"/>
      <c r="G148" s="170"/>
      <c r="H148" s="170"/>
      <c r="I148" s="170"/>
      <c r="J148" s="170"/>
      <c r="K148" s="171"/>
      <c r="L148" s="172"/>
      <c r="M148" s="173"/>
      <c r="N148" s="173"/>
      <c r="O148" s="174"/>
    </row>
    <row r="149" spans="1:15" s="157" customFormat="1" ht="16.5" customHeight="1">
      <c r="A149" s="129"/>
      <c r="B149" s="129"/>
      <c r="D149" s="163"/>
      <c r="E149" s="164" t="s">
        <v>466</v>
      </c>
      <c r="F149" s="164"/>
      <c r="G149" s="164"/>
      <c r="H149" s="164"/>
      <c r="I149" s="164"/>
      <c r="J149" s="164"/>
      <c r="K149" s="165"/>
      <c r="L149" s="166"/>
      <c r="M149" s="167"/>
      <c r="N149" s="167"/>
      <c r="O149" s="168"/>
    </row>
    <row r="150" spans="1:15" s="157" customFormat="1" ht="16.5" customHeight="1">
      <c r="A150" s="129"/>
      <c r="B150" s="129"/>
      <c r="D150" s="169"/>
      <c r="E150" s="170"/>
      <c r="F150" s="170"/>
      <c r="G150" s="170"/>
      <c r="H150" s="170"/>
      <c r="I150" s="170"/>
      <c r="J150" s="170"/>
      <c r="K150" s="171"/>
      <c r="L150" s="172"/>
      <c r="M150" s="173"/>
      <c r="N150" s="173"/>
      <c r="O150" s="174"/>
    </row>
    <row r="151" spans="1:15" s="157" customFormat="1" ht="16.5" customHeight="1">
      <c r="A151" s="129"/>
      <c r="B151" s="129"/>
      <c r="D151" s="175"/>
      <c r="E151" s="176"/>
      <c r="F151" s="176"/>
      <c r="G151" s="176"/>
      <c r="H151" s="176"/>
      <c r="I151" s="176"/>
      <c r="J151" s="176"/>
      <c r="K151" s="177"/>
      <c r="L151" s="178"/>
      <c r="M151" s="179"/>
      <c r="N151" s="179"/>
      <c r="O151" s="180"/>
    </row>
    <row r="152" spans="1:15" s="157" customFormat="1" ht="16.5" customHeight="1">
      <c r="A152" s="129"/>
      <c r="B152" s="129"/>
      <c r="D152" s="158"/>
      <c r="E152" s="159"/>
      <c r="F152" s="159"/>
      <c r="G152" s="4"/>
      <c r="H152" s="4"/>
      <c r="I152" s="159"/>
      <c r="J152" s="159"/>
      <c r="K152" s="160"/>
      <c r="L152" s="161"/>
      <c r="M152" s="5"/>
      <c r="N152" s="5"/>
      <c r="O152" s="162"/>
    </row>
    <row r="153" spans="1:15" s="157" customFormat="1" ht="16.5" customHeight="1">
      <c r="A153" s="129"/>
      <c r="B153" s="129"/>
      <c r="D153" s="163"/>
      <c r="E153" s="164"/>
      <c r="F153" s="164"/>
      <c r="G153" s="164"/>
      <c r="H153" s="164"/>
      <c r="I153" s="164"/>
      <c r="J153" s="164"/>
      <c r="K153" s="165"/>
      <c r="L153" s="166"/>
      <c r="M153" s="167"/>
      <c r="N153" s="167"/>
      <c r="O153" s="168"/>
    </row>
    <row r="154" spans="1:15" s="157" customFormat="1" ht="16.5" customHeight="1">
      <c r="A154" s="129"/>
      <c r="B154" s="129"/>
      <c r="D154" s="169"/>
      <c r="E154" s="170"/>
      <c r="F154" s="170"/>
      <c r="G154" s="170"/>
      <c r="H154" s="170"/>
      <c r="I154" s="170"/>
      <c r="J154" s="170"/>
      <c r="K154" s="171"/>
      <c r="L154" s="172"/>
      <c r="M154" s="173"/>
      <c r="N154" s="173"/>
      <c r="O154" s="174"/>
    </row>
    <row r="155" spans="1:15" s="157" customFormat="1" ht="16.5" customHeight="1">
      <c r="A155" s="129"/>
      <c r="B155" s="129"/>
      <c r="D155" s="163"/>
      <c r="E155" s="164" t="s">
        <v>437</v>
      </c>
      <c r="F155" s="164"/>
      <c r="G155" s="164"/>
      <c r="H155" s="164"/>
      <c r="I155" s="164"/>
      <c r="J155" s="164"/>
      <c r="K155" s="165"/>
      <c r="L155" s="166"/>
      <c r="M155" s="167"/>
      <c r="N155" s="167"/>
      <c r="O155" s="168"/>
    </row>
    <row r="156" spans="1:15" s="157" customFormat="1" ht="16.5" customHeight="1">
      <c r="A156" s="129"/>
      <c r="B156" s="129"/>
      <c r="D156" s="169"/>
      <c r="E156" s="170"/>
      <c r="F156" s="170"/>
      <c r="G156" s="170"/>
      <c r="H156" s="170"/>
      <c r="I156" s="170"/>
      <c r="J156" s="170"/>
      <c r="K156" s="171"/>
      <c r="L156" s="172"/>
      <c r="M156" s="173"/>
      <c r="N156" s="173"/>
      <c r="O156" s="174"/>
    </row>
    <row r="157" spans="1:15" s="157" customFormat="1" ht="16.5" customHeight="1">
      <c r="A157" s="129"/>
      <c r="B157" s="129"/>
      <c r="D157" s="163"/>
      <c r="E157" s="164"/>
      <c r="F157" s="164" t="s">
        <v>439</v>
      </c>
      <c r="G157" s="164"/>
      <c r="H157" s="164" t="s">
        <v>473</v>
      </c>
      <c r="I157" s="164"/>
      <c r="J157" s="164"/>
      <c r="K157" s="165">
        <v>765</v>
      </c>
      <c r="L157" s="166" t="s">
        <v>440</v>
      </c>
      <c r="M157" s="167"/>
      <c r="N157" s="167"/>
      <c r="O157" s="168"/>
    </row>
    <row r="158" spans="1:15" s="157" customFormat="1" ht="16.5" customHeight="1">
      <c r="A158" s="129"/>
      <c r="B158" s="129"/>
      <c r="D158" s="169"/>
      <c r="E158" s="170"/>
      <c r="F158" s="170"/>
      <c r="G158" s="170"/>
      <c r="H158" s="170"/>
      <c r="I158" s="170"/>
      <c r="J158" s="170"/>
      <c r="K158" s="171"/>
      <c r="L158" s="172"/>
      <c r="M158" s="173"/>
      <c r="N158" s="173"/>
      <c r="O158" s="174"/>
    </row>
    <row r="159" spans="1:15" s="157" customFormat="1" ht="16.5" customHeight="1">
      <c r="A159" s="129"/>
      <c r="B159" s="129"/>
      <c r="D159" s="163"/>
      <c r="E159" s="164"/>
      <c r="F159" s="164" t="s">
        <v>441</v>
      </c>
      <c r="G159" s="164"/>
      <c r="H159" s="164" t="s">
        <v>473</v>
      </c>
      <c r="I159" s="164"/>
      <c r="J159" s="164"/>
      <c r="K159" s="165">
        <v>39.1</v>
      </c>
      <c r="L159" s="166" t="s">
        <v>442</v>
      </c>
      <c r="M159" s="167"/>
      <c r="N159" s="167"/>
      <c r="O159" s="168"/>
    </row>
    <row r="160" spans="1:15" s="157" customFormat="1" ht="16.5" customHeight="1">
      <c r="A160" s="129"/>
      <c r="B160" s="129"/>
      <c r="D160" s="169"/>
      <c r="E160" s="170"/>
      <c r="F160" s="170"/>
      <c r="G160" s="170"/>
      <c r="H160" s="170"/>
      <c r="I160" s="170"/>
      <c r="J160" s="170"/>
      <c r="K160" s="171"/>
      <c r="L160" s="172"/>
      <c r="M160" s="173"/>
      <c r="N160" s="173"/>
      <c r="O160" s="209"/>
    </row>
    <row r="161" spans="1:15" s="157" customFormat="1" ht="16.5" customHeight="1">
      <c r="A161" s="129"/>
      <c r="B161" s="129"/>
      <c r="D161" s="163"/>
      <c r="E161" s="164"/>
      <c r="F161" s="164" t="s">
        <v>443</v>
      </c>
      <c r="G161" s="164"/>
      <c r="H161" s="164" t="s">
        <v>444</v>
      </c>
      <c r="I161" s="164"/>
      <c r="J161" s="164"/>
      <c r="K161" s="165">
        <v>28.4</v>
      </c>
      <c r="L161" s="166" t="s">
        <v>442</v>
      </c>
      <c r="M161" s="167"/>
      <c r="N161" s="167"/>
      <c r="O161" s="208"/>
    </row>
    <row r="162" spans="1:15" s="157" customFormat="1" ht="16.5" customHeight="1">
      <c r="A162" s="129"/>
      <c r="B162" s="129"/>
      <c r="D162" s="169"/>
      <c r="E162" s="170"/>
      <c r="F162" s="170"/>
      <c r="G162" s="170"/>
      <c r="H162" s="170"/>
      <c r="I162" s="170"/>
      <c r="J162" s="170"/>
      <c r="K162" s="171"/>
      <c r="L162" s="172"/>
      <c r="M162" s="173"/>
      <c r="N162" s="173"/>
      <c r="O162" s="174"/>
    </row>
    <row r="163" spans="1:15" s="157" customFormat="1" ht="16.5" customHeight="1">
      <c r="A163" s="129"/>
      <c r="B163" s="129"/>
      <c r="D163" s="163"/>
      <c r="E163" s="164"/>
      <c r="F163" s="164" t="s">
        <v>445</v>
      </c>
      <c r="G163" s="164"/>
      <c r="H163" s="164" t="s">
        <v>446</v>
      </c>
      <c r="I163" s="164"/>
      <c r="J163" s="164"/>
      <c r="K163" s="165">
        <v>58.2</v>
      </c>
      <c r="L163" s="166" t="s">
        <v>442</v>
      </c>
      <c r="M163" s="167"/>
      <c r="N163" s="167"/>
      <c r="O163" s="168"/>
    </row>
    <row r="164" spans="1:15" s="157" customFormat="1" ht="16.5" customHeight="1">
      <c r="A164" s="129"/>
      <c r="B164" s="129"/>
      <c r="D164" s="169"/>
      <c r="E164" s="170"/>
      <c r="F164" s="170"/>
      <c r="G164" s="170"/>
      <c r="H164" s="170"/>
      <c r="I164" s="170"/>
      <c r="J164" s="170"/>
      <c r="K164" s="171"/>
      <c r="L164" s="172"/>
      <c r="M164" s="173"/>
      <c r="N164" s="173"/>
      <c r="O164" s="174"/>
    </row>
    <row r="165" spans="1:15" s="157" customFormat="1" ht="16.5" customHeight="1">
      <c r="A165" s="129"/>
      <c r="B165" s="129"/>
      <c r="D165" s="163"/>
      <c r="E165" s="164"/>
      <c r="F165" s="164" t="s">
        <v>447</v>
      </c>
      <c r="G165" s="164"/>
      <c r="H165" s="164" t="s">
        <v>473</v>
      </c>
      <c r="I165" s="164"/>
      <c r="J165" s="164"/>
      <c r="K165" s="165">
        <v>102</v>
      </c>
      <c r="L165" s="166" t="s">
        <v>455</v>
      </c>
      <c r="M165" s="167"/>
      <c r="N165" s="167"/>
      <c r="O165" s="168"/>
    </row>
    <row r="166" spans="1:15" s="157" customFormat="1" ht="16.5" customHeight="1">
      <c r="A166" s="129"/>
      <c r="B166" s="129"/>
      <c r="D166" s="169"/>
      <c r="E166" s="170"/>
      <c r="F166" s="170"/>
      <c r="G166" s="170"/>
      <c r="H166" s="170"/>
      <c r="I166" s="170"/>
      <c r="J166" s="170"/>
      <c r="K166" s="171"/>
      <c r="L166" s="172"/>
      <c r="M166" s="173"/>
      <c r="N166" s="173"/>
      <c r="O166" s="207"/>
    </row>
    <row r="167" spans="1:15" s="157" customFormat="1" ht="16.5" customHeight="1">
      <c r="A167" s="129"/>
      <c r="B167" s="129"/>
      <c r="D167" s="163"/>
      <c r="E167" s="164" t="s">
        <v>380</v>
      </c>
      <c r="F167" s="164"/>
      <c r="G167" s="164"/>
      <c r="H167" s="164"/>
      <c r="I167" s="164"/>
      <c r="J167" s="164"/>
      <c r="K167" s="165"/>
      <c r="L167" s="166"/>
      <c r="M167" s="167"/>
      <c r="N167" s="167"/>
      <c r="O167" s="208"/>
    </row>
    <row r="168" spans="1:15" s="157" customFormat="1" ht="16.5" customHeight="1">
      <c r="A168" s="129"/>
      <c r="B168" s="129"/>
      <c r="D168" s="169"/>
      <c r="E168" s="170"/>
      <c r="F168" s="170"/>
      <c r="G168" s="170"/>
      <c r="H168" s="170"/>
      <c r="I168" s="170"/>
      <c r="J168" s="170" t="s">
        <v>438</v>
      </c>
      <c r="K168" s="171"/>
      <c r="L168" s="172"/>
      <c r="M168" s="173"/>
      <c r="N168" s="173"/>
      <c r="O168" s="174"/>
    </row>
    <row r="169" spans="1:15" s="157" customFormat="1" ht="16.5" customHeight="1">
      <c r="A169" s="129"/>
      <c r="B169" s="129"/>
      <c r="D169" s="163"/>
      <c r="E169" s="164"/>
      <c r="F169" s="164"/>
      <c r="G169" s="164"/>
      <c r="H169" s="164"/>
      <c r="I169" s="164"/>
      <c r="J169" s="164"/>
      <c r="K169" s="165"/>
      <c r="L169" s="166"/>
      <c r="M169" s="167"/>
      <c r="N169" s="167"/>
      <c r="O169" s="168"/>
    </row>
    <row r="170" spans="1:15" s="157" customFormat="1" ht="16.5" customHeight="1">
      <c r="A170" s="129"/>
      <c r="B170" s="129"/>
      <c r="D170" s="169"/>
      <c r="E170" s="170"/>
      <c r="F170" s="170"/>
      <c r="G170" s="170"/>
      <c r="H170" s="170"/>
      <c r="I170" s="170"/>
      <c r="J170" s="170"/>
      <c r="K170" s="171"/>
      <c r="L170" s="172"/>
      <c r="M170" s="173"/>
      <c r="N170" s="173"/>
      <c r="O170" s="174"/>
    </row>
    <row r="171" spans="1:15" s="157" customFormat="1" ht="16.5" customHeight="1">
      <c r="A171" s="129"/>
      <c r="B171" s="129"/>
      <c r="D171" s="163"/>
      <c r="E171" s="164" t="s">
        <v>456</v>
      </c>
      <c r="F171" s="164"/>
      <c r="G171" s="164"/>
      <c r="H171" s="164"/>
      <c r="I171" s="164"/>
      <c r="J171" s="164"/>
      <c r="K171" s="165">
        <v>1</v>
      </c>
      <c r="L171" s="166" t="s">
        <v>470</v>
      </c>
      <c r="M171" s="167"/>
      <c r="N171" s="167"/>
      <c r="O171" s="168"/>
    </row>
    <row r="172" spans="1:15" s="157" customFormat="1" ht="16.5" customHeight="1">
      <c r="A172" s="129"/>
      <c r="B172" s="129"/>
      <c r="D172" s="169"/>
      <c r="E172" s="170"/>
      <c r="F172" s="170"/>
      <c r="G172" s="170"/>
      <c r="H172" s="170"/>
      <c r="I172" s="170"/>
      <c r="J172" s="170"/>
      <c r="K172" s="171"/>
      <c r="L172" s="172"/>
      <c r="M172" s="173"/>
      <c r="N172" s="173"/>
      <c r="O172" s="174"/>
    </row>
    <row r="173" spans="1:15" s="157" customFormat="1" ht="16.5" customHeight="1">
      <c r="A173" s="129"/>
      <c r="B173" s="129"/>
      <c r="D173" s="163"/>
      <c r="E173" s="164"/>
      <c r="F173" s="164"/>
      <c r="G173" s="164"/>
      <c r="H173" s="164"/>
      <c r="I173" s="164"/>
      <c r="J173" s="164"/>
      <c r="K173" s="165"/>
      <c r="L173" s="166"/>
      <c r="M173" s="167"/>
      <c r="N173" s="167"/>
      <c r="O173" s="168"/>
    </row>
    <row r="174" spans="1:15" s="157" customFormat="1" ht="16.5" customHeight="1">
      <c r="A174" s="129"/>
      <c r="B174" s="129"/>
      <c r="D174" s="169"/>
      <c r="E174" s="170"/>
      <c r="F174" s="170"/>
      <c r="G174" s="170"/>
      <c r="H174" s="170"/>
      <c r="I174" s="170"/>
      <c r="J174" s="170"/>
      <c r="K174" s="171"/>
      <c r="L174" s="172"/>
      <c r="M174" s="173"/>
      <c r="N174" s="173"/>
      <c r="O174" s="174"/>
    </row>
    <row r="175" spans="1:15" s="157" customFormat="1" ht="16.5" customHeight="1">
      <c r="A175" s="129"/>
      <c r="B175" s="129"/>
      <c r="D175" s="163"/>
      <c r="E175" s="164"/>
      <c r="F175" s="164"/>
      <c r="G175" s="164"/>
      <c r="H175" s="164"/>
      <c r="I175" s="164"/>
      <c r="J175" s="164"/>
      <c r="K175" s="165"/>
      <c r="L175" s="166"/>
      <c r="M175" s="167"/>
      <c r="N175" s="167"/>
      <c r="O175" s="168"/>
    </row>
    <row r="176" spans="1:15" s="157" customFormat="1" ht="16.5" customHeight="1">
      <c r="A176" s="129"/>
      <c r="B176" s="129"/>
      <c r="D176" s="169"/>
      <c r="E176" s="170"/>
      <c r="F176" s="170"/>
      <c r="G176" s="170"/>
      <c r="H176" s="170"/>
      <c r="I176" s="170"/>
      <c r="J176" s="170"/>
      <c r="K176" s="171"/>
      <c r="L176" s="172"/>
      <c r="M176" s="173"/>
      <c r="N176" s="173"/>
      <c r="O176" s="174"/>
    </row>
    <row r="177" spans="1:26" s="157" customFormat="1" ht="16.5" customHeight="1">
      <c r="A177" s="129"/>
      <c r="B177" s="129"/>
      <c r="D177" s="163"/>
      <c r="E177" s="164"/>
      <c r="F177" s="164"/>
      <c r="G177" s="164"/>
      <c r="H177" s="164"/>
      <c r="I177" s="164"/>
      <c r="J177" s="164"/>
      <c r="K177" s="165"/>
      <c r="L177" s="166"/>
      <c r="M177" s="167"/>
      <c r="N177" s="167"/>
      <c r="O177" s="168"/>
    </row>
    <row r="178" spans="1:26" s="157" customFormat="1" ht="16.5" customHeight="1">
      <c r="A178" s="129"/>
      <c r="B178" s="129"/>
      <c r="D178" s="169"/>
      <c r="E178" s="170"/>
      <c r="F178" s="170"/>
      <c r="G178" s="170"/>
      <c r="H178" s="170"/>
      <c r="I178" s="170"/>
      <c r="J178" s="170"/>
      <c r="K178" s="171"/>
      <c r="L178" s="172"/>
      <c r="M178" s="173"/>
      <c r="N178" s="173"/>
      <c r="O178" s="174"/>
    </row>
    <row r="179" spans="1:26" s="157" customFormat="1" ht="16.5" customHeight="1">
      <c r="A179" s="129"/>
      <c r="B179" s="129"/>
      <c r="D179" s="163" t="s">
        <v>471</v>
      </c>
      <c r="E179" s="164"/>
      <c r="F179" s="164"/>
      <c r="G179" s="164"/>
      <c r="H179" s="164"/>
      <c r="I179" s="164"/>
      <c r="J179" s="164"/>
      <c r="K179" s="165"/>
      <c r="L179" s="166"/>
      <c r="M179" s="167"/>
      <c r="N179" s="167"/>
      <c r="O179" s="168"/>
    </row>
    <row r="180" spans="1:26" s="157" customFormat="1" ht="16.5" customHeight="1">
      <c r="A180" s="129"/>
      <c r="B180" s="129"/>
      <c r="D180" s="169"/>
      <c r="E180" s="170"/>
      <c r="F180" s="170"/>
      <c r="G180" s="170"/>
      <c r="H180" s="170"/>
      <c r="I180" s="170"/>
      <c r="J180" s="170"/>
      <c r="K180" s="171"/>
      <c r="L180" s="172"/>
      <c r="M180" s="173"/>
      <c r="N180" s="173"/>
      <c r="O180" s="174"/>
    </row>
    <row r="181" spans="1:26" s="157" customFormat="1" ht="16.5" customHeight="1">
      <c r="A181" s="129"/>
      <c r="B181" s="129"/>
      <c r="D181" s="175"/>
      <c r="E181" s="176"/>
      <c r="F181" s="176"/>
      <c r="G181" s="176"/>
      <c r="H181" s="176"/>
      <c r="I181" s="176"/>
      <c r="J181" s="176"/>
      <c r="K181" s="177"/>
      <c r="L181" s="178"/>
      <c r="M181" s="179"/>
      <c r="N181" s="179"/>
      <c r="O181" s="180"/>
    </row>
    <row r="182" spans="1:26" ht="16.5" customHeight="1">
      <c r="A182" s="129"/>
      <c r="B182" s="129"/>
      <c r="D182" s="130"/>
      <c r="E182" s="86"/>
      <c r="F182" s="86"/>
      <c r="G182" s="2"/>
      <c r="H182" s="2"/>
      <c r="I182" s="86"/>
      <c r="J182" s="86"/>
      <c r="K182" s="137"/>
      <c r="L182" s="133"/>
      <c r="M182" s="3"/>
      <c r="N182" s="3"/>
      <c r="O182" s="134"/>
    </row>
    <row r="183" spans="1:26" ht="16.5" customHeight="1">
      <c r="A183" s="129"/>
      <c r="B183" s="129"/>
      <c r="D183" s="138"/>
      <c r="E183" s="139"/>
      <c r="F183" s="139"/>
      <c r="G183" s="139"/>
      <c r="H183" s="139"/>
      <c r="I183" s="139"/>
      <c r="J183" s="139"/>
      <c r="K183" s="140"/>
      <c r="L183" s="141"/>
      <c r="M183" s="142"/>
      <c r="N183" s="142"/>
      <c r="O183" s="143"/>
      <c r="T183" s="150"/>
      <c r="U183" s="150"/>
      <c r="V183" s="150"/>
      <c r="W183" s="150"/>
      <c r="X183" s="150"/>
      <c r="Y183" s="150"/>
      <c r="Z183" s="150"/>
    </row>
    <row r="184" spans="1:26" ht="16.5" customHeight="1">
      <c r="A184" s="129"/>
      <c r="B184" s="129"/>
      <c r="D184" s="144"/>
      <c r="E184" s="145"/>
      <c r="F184" s="145"/>
      <c r="G184" s="145"/>
      <c r="H184" s="145"/>
      <c r="I184" s="145"/>
      <c r="J184" s="145"/>
      <c r="K184" s="205"/>
      <c r="L184" s="147"/>
      <c r="M184" s="148"/>
      <c r="N184" s="181"/>
      <c r="O184" s="149"/>
      <c r="Q184" s="150"/>
      <c r="R184" s="150"/>
      <c r="S184" s="150"/>
      <c r="T184" s="150"/>
      <c r="U184" s="150"/>
      <c r="V184" s="150"/>
      <c r="W184" s="150"/>
      <c r="X184" s="150"/>
      <c r="Y184" s="150"/>
      <c r="Z184" s="150"/>
    </row>
    <row r="185" spans="1:26" ht="16.5" customHeight="1">
      <c r="A185" s="129"/>
      <c r="B185" s="129"/>
      <c r="D185" s="138" t="s">
        <v>107</v>
      </c>
      <c r="E185" s="139"/>
      <c r="F185" s="139"/>
      <c r="G185" s="139"/>
      <c r="H185" s="139"/>
      <c r="I185" s="139"/>
      <c r="J185" s="139"/>
      <c r="K185" s="206"/>
      <c r="L185" s="141"/>
      <c r="M185" s="142"/>
      <c r="N185" s="142"/>
      <c r="O185" s="143"/>
      <c r="Q185" s="150"/>
      <c r="R185" s="150"/>
      <c r="S185" s="150"/>
      <c r="T185" s="150"/>
      <c r="U185" s="150"/>
      <c r="V185" s="150"/>
      <c r="W185" s="150"/>
      <c r="X185" s="150"/>
      <c r="Y185" s="150"/>
      <c r="Z185" s="150"/>
    </row>
    <row r="186" spans="1:26" ht="16.5" customHeight="1">
      <c r="A186" s="129"/>
      <c r="B186" s="129"/>
      <c r="D186" s="144"/>
      <c r="E186" s="145"/>
      <c r="F186" s="145"/>
      <c r="G186" s="145"/>
      <c r="H186" s="145"/>
      <c r="I186" s="145"/>
      <c r="J186" s="145"/>
      <c r="K186" s="211"/>
      <c r="L186" s="147"/>
      <c r="M186" s="148"/>
      <c r="N186" s="181"/>
      <c r="O186" s="149"/>
      <c r="Q186" s="150"/>
      <c r="R186" s="150"/>
      <c r="S186" s="150"/>
      <c r="T186" s="150"/>
      <c r="U186" s="150"/>
      <c r="V186" s="150"/>
      <c r="W186" s="183"/>
      <c r="X186" s="184"/>
      <c r="Y186" s="185"/>
      <c r="Z186" s="185"/>
    </row>
    <row r="187" spans="1:26" ht="16.5" customHeight="1">
      <c r="A187" s="129"/>
      <c r="B187" s="129"/>
      <c r="D187" s="138"/>
      <c r="E187" s="139" t="s">
        <v>107</v>
      </c>
      <c r="F187" s="139"/>
      <c r="G187" s="139"/>
      <c r="H187" s="139"/>
      <c r="I187" s="139"/>
      <c r="J187" s="139"/>
      <c r="K187" s="206">
        <v>1</v>
      </c>
      <c r="L187" s="141" t="s">
        <v>105</v>
      </c>
      <c r="M187" s="142"/>
      <c r="N187" s="142"/>
      <c r="O187" s="143"/>
      <c r="Q187" s="150"/>
      <c r="R187" s="150"/>
      <c r="S187" s="150"/>
      <c r="T187" s="150"/>
      <c r="U187" s="150"/>
      <c r="V187" s="150"/>
      <c r="W187" s="183"/>
      <c r="X187" s="184"/>
      <c r="Y187" s="185"/>
      <c r="Z187" s="185"/>
    </row>
    <row r="188" spans="1:26" ht="16.5" customHeight="1">
      <c r="A188" s="129"/>
      <c r="B188" s="129"/>
      <c r="D188" s="144"/>
      <c r="E188" s="145"/>
      <c r="F188" s="145"/>
      <c r="G188" s="145"/>
      <c r="H188" s="145"/>
      <c r="I188" s="145"/>
      <c r="J188" s="145"/>
      <c r="K188" s="211"/>
      <c r="L188" s="147"/>
      <c r="M188" s="148"/>
      <c r="N188" s="181"/>
      <c r="O188" s="149"/>
      <c r="Q188" s="150"/>
      <c r="R188" s="150"/>
      <c r="S188" s="150"/>
      <c r="T188" s="150"/>
      <c r="U188" s="150"/>
      <c r="V188" s="150"/>
      <c r="W188" s="183"/>
      <c r="X188" s="184"/>
      <c r="Y188" s="185"/>
      <c r="Z188" s="185"/>
    </row>
    <row r="189" spans="1:26" ht="16.5" customHeight="1">
      <c r="A189" s="129"/>
      <c r="B189" s="129"/>
      <c r="D189" s="138" t="s">
        <v>108</v>
      </c>
      <c r="E189" s="186"/>
      <c r="F189" s="139"/>
      <c r="G189" s="139"/>
      <c r="H189" s="186"/>
      <c r="I189" s="139"/>
      <c r="J189" s="139"/>
      <c r="K189" s="206"/>
      <c r="L189" s="141"/>
      <c r="M189" s="187"/>
      <c r="N189" s="142"/>
      <c r="O189" s="143"/>
      <c r="Q189" s="150"/>
      <c r="R189" s="150"/>
      <c r="S189" s="150"/>
      <c r="T189" s="150"/>
      <c r="U189" s="150"/>
      <c r="V189" s="150"/>
      <c r="W189" s="183"/>
      <c r="X189" s="184"/>
      <c r="Y189" s="185"/>
      <c r="Z189" s="185"/>
    </row>
    <row r="190" spans="1:26" ht="16.5" customHeight="1">
      <c r="A190" s="129"/>
      <c r="B190" s="129"/>
      <c r="D190" s="144"/>
      <c r="E190" s="188"/>
      <c r="F190" s="188"/>
      <c r="G190" s="188"/>
      <c r="H190" s="188"/>
      <c r="I190" s="188"/>
      <c r="J190" s="188"/>
      <c r="K190" s="212"/>
      <c r="L190" s="147"/>
      <c r="M190" s="148"/>
      <c r="N190" s="181"/>
      <c r="O190" s="149"/>
      <c r="Q190" s="150"/>
      <c r="R190" s="150"/>
      <c r="S190" s="150"/>
      <c r="T190" s="150"/>
      <c r="U190" s="150"/>
      <c r="V190" s="150"/>
      <c r="W190" s="150"/>
      <c r="X190" s="150"/>
      <c r="Y190" s="150"/>
      <c r="Z190" s="150"/>
    </row>
    <row r="191" spans="1:26" ht="16.5" customHeight="1">
      <c r="A191" s="129"/>
      <c r="B191" s="129"/>
      <c r="D191" s="138"/>
      <c r="E191" s="139"/>
      <c r="F191" s="139"/>
      <c r="G191" s="186"/>
      <c r="H191" s="186"/>
      <c r="I191" s="139"/>
      <c r="J191" s="186"/>
      <c r="K191" s="206"/>
      <c r="L191" s="141"/>
      <c r="M191" s="187"/>
      <c r="N191" s="142"/>
      <c r="O191" s="143"/>
      <c r="Q191" s="150"/>
      <c r="R191" s="150"/>
      <c r="S191" s="150"/>
      <c r="T191" s="150"/>
      <c r="U191" s="150"/>
      <c r="V191" s="150"/>
      <c r="W191" s="150"/>
      <c r="X191" s="150"/>
      <c r="Y191" s="150"/>
      <c r="Z191" s="150"/>
    </row>
    <row r="192" spans="1:26" ht="16.5" customHeight="1">
      <c r="A192" s="129"/>
      <c r="B192" s="129"/>
      <c r="D192" s="144"/>
      <c r="E192" s="145"/>
      <c r="F192" s="145"/>
      <c r="G192" s="145"/>
      <c r="H192" s="145"/>
      <c r="I192" s="145"/>
      <c r="J192" s="145"/>
      <c r="K192" s="205"/>
      <c r="L192" s="147"/>
      <c r="M192" s="148"/>
      <c r="N192" s="181"/>
      <c r="O192" s="149"/>
    </row>
    <row r="193" spans="1:26" ht="16.5" customHeight="1">
      <c r="A193" s="129"/>
      <c r="B193" s="129"/>
      <c r="D193" s="138" t="s">
        <v>110</v>
      </c>
      <c r="E193" s="139"/>
      <c r="F193" s="139"/>
      <c r="G193" s="139"/>
      <c r="H193" s="139"/>
      <c r="I193" s="139"/>
      <c r="J193" s="139"/>
      <c r="K193" s="206"/>
      <c r="L193" s="141"/>
      <c r="M193" s="142"/>
      <c r="N193" s="142"/>
      <c r="O193" s="143"/>
    </row>
    <row r="194" spans="1:26" ht="16.5" customHeight="1">
      <c r="A194" s="129"/>
      <c r="B194" s="129"/>
      <c r="D194" s="144"/>
      <c r="E194" s="188"/>
      <c r="F194" s="188"/>
      <c r="G194" s="188"/>
      <c r="H194" s="188"/>
      <c r="I194" s="188"/>
      <c r="J194" s="190"/>
      <c r="K194" s="212"/>
      <c r="L194" s="191"/>
      <c r="M194" s="192"/>
      <c r="N194" s="181"/>
      <c r="O194" s="149"/>
    </row>
    <row r="195" spans="1:26" ht="16.5" customHeight="1">
      <c r="A195" s="129"/>
      <c r="B195" s="129"/>
      <c r="D195" s="138"/>
      <c r="E195" s="139" t="s">
        <v>367</v>
      </c>
      <c r="F195" s="139"/>
      <c r="G195" s="186"/>
      <c r="H195" s="186" t="s">
        <v>469</v>
      </c>
      <c r="I195" s="139"/>
      <c r="J195" s="193"/>
      <c r="K195" s="206">
        <v>2</v>
      </c>
      <c r="L195" s="194" t="s">
        <v>109</v>
      </c>
      <c r="M195" s="187"/>
      <c r="N195" s="142"/>
      <c r="O195" s="143"/>
    </row>
    <row r="196" spans="1:26" ht="16.5" customHeight="1">
      <c r="A196" s="129"/>
      <c r="B196" s="129"/>
      <c r="D196" s="144"/>
      <c r="E196" s="145"/>
      <c r="F196" s="145"/>
      <c r="G196" s="145"/>
      <c r="H196" s="145"/>
      <c r="I196" s="145"/>
      <c r="J196" s="145"/>
      <c r="K196" s="205"/>
      <c r="L196" s="147"/>
      <c r="M196" s="148"/>
      <c r="N196" s="181"/>
      <c r="O196" s="149"/>
    </row>
    <row r="197" spans="1:26" ht="16.5" customHeight="1">
      <c r="A197" s="129"/>
      <c r="B197" s="129"/>
      <c r="D197" s="138" t="s">
        <v>111</v>
      </c>
      <c r="E197" s="139"/>
      <c r="F197" s="139"/>
      <c r="G197" s="139"/>
      <c r="H197" s="139"/>
      <c r="I197" s="139"/>
      <c r="J197" s="139"/>
      <c r="K197" s="206"/>
      <c r="L197" s="141"/>
      <c r="M197" s="142"/>
      <c r="N197" s="142"/>
      <c r="O197" s="143"/>
    </row>
    <row r="198" spans="1:26" ht="16.5" customHeight="1">
      <c r="A198" s="129"/>
      <c r="B198" s="129"/>
      <c r="D198" s="144"/>
      <c r="E198" s="145"/>
      <c r="F198" s="145"/>
      <c r="G198" s="145"/>
      <c r="H198" s="145"/>
      <c r="I198" s="145"/>
      <c r="J198" s="145"/>
      <c r="K198" s="205"/>
      <c r="L198" s="195"/>
      <c r="M198" s="192"/>
      <c r="N198" s="181"/>
      <c r="O198" s="149"/>
    </row>
    <row r="199" spans="1:26" ht="16.5" customHeight="1">
      <c r="A199" s="129"/>
      <c r="B199" s="129"/>
      <c r="D199" s="138"/>
      <c r="E199" s="139"/>
      <c r="F199" s="139"/>
      <c r="G199" s="139"/>
      <c r="H199" s="139"/>
      <c r="I199" s="139"/>
      <c r="J199" s="139"/>
      <c r="K199" s="206"/>
      <c r="L199" s="141"/>
      <c r="M199" s="142"/>
      <c r="N199" s="142"/>
      <c r="O199" s="143"/>
    </row>
    <row r="200" spans="1:26" ht="16.5" customHeight="1">
      <c r="A200" s="129"/>
      <c r="B200" s="129"/>
      <c r="D200" s="144"/>
      <c r="E200" s="145"/>
      <c r="F200" s="145"/>
      <c r="G200" s="145"/>
      <c r="H200" s="145"/>
      <c r="I200" s="145"/>
      <c r="J200" s="145"/>
      <c r="K200" s="205"/>
      <c r="L200" s="147"/>
      <c r="M200" s="148"/>
      <c r="N200" s="181"/>
      <c r="O200" s="149"/>
    </row>
    <row r="201" spans="1:26" ht="16.5" customHeight="1">
      <c r="A201" s="129"/>
      <c r="B201" s="129"/>
      <c r="D201" s="138"/>
      <c r="E201" s="139"/>
      <c r="F201" s="139"/>
      <c r="G201" s="139"/>
      <c r="H201" s="139"/>
      <c r="I201" s="139"/>
      <c r="J201" s="139"/>
      <c r="K201" s="206"/>
      <c r="L201" s="141"/>
      <c r="M201" s="142"/>
      <c r="N201" s="142"/>
      <c r="O201" s="143"/>
    </row>
    <row r="202" spans="1:26" ht="16.5" customHeight="1">
      <c r="A202" s="129"/>
      <c r="B202" s="129"/>
      <c r="D202" s="144"/>
      <c r="E202" s="196"/>
      <c r="F202" s="145"/>
      <c r="G202" s="145"/>
      <c r="H202" s="145"/>
      <c r="I202" s="145"/>
      <c r="J202" s="145"/>
      <c r="K202" s="205"/>
      <c r="L202" s="147"/>
      <c r="M202" s="148"/>
      <c r="N202" s="181"/>
      <c r="O202" s="149"/>
    </row>
    <row r="203" spans="1:26" ht="16.5" customHeight="1">
      <c r="A203" s="129"/>
      <c r="B203" s="129"/>
      <c r="D203" s="138"/>
      <c r="E203" s="186"/>
      <c r="F203" s="139"/>
      <c r="G203" s="139"/>
      <c r="H203" s="139"/>
      <c r="I203" s="139"/>
      <c r="J203" s="139"/>
      <c r="K203" s="206"/>
      <c r="L203" s="141"/>
      <c r="M203" s="142"/>
      <c r="N203" s="142"/>
      <c r="O203" s="143"/>
    </row>
    <row r="204" spans="1:26" ht="16.5" customHeight="1">
      <c r="A204" s="129"/>
      <c r="B204" s="129"/>
      <c r="D204" s="144"/>
      <c r="E204" s="145"/>
      <c r="F204" s="145"/>
      <c r="G204" s="145"/>
      <c r="H204" s="145"/>
      <c r="I204" s="145"/>
      <c r="J204" s="145"/>
      <c r="K204" s="205"/>
      <c r="L204" s="147"/>
      <c r="M204" s="148"/>
      <c r="N204" s="181"/>
      <c r="O204" s="149"/>
    </row>
    <row r="205" spans="1:26" ht="16.5" customHeight="1">
      <c r="A205" s="129"/>
      <c r="B205" s="129"/>
      <c r="D205" s="138"/>
      <c r="E205" s="139"/>
      <c r="F205" s="139"/>
      <c r="G205" s="139"/>
      <c r="H205" s="139"/>
      <c r="I205" s="139"/>
      <c r="J205" s="139"/>
      <c r="K205" s="206"/>
      <c r="L205" s="141"/>
      <c r="M205" s="142"/>
      <c r="N205" s="142"/>
      <c r="O205" s="143"/>
    </row>
    <row r="206" spans="1:26" ht="16.5" customHeight="1">
      <c r="A206" s="129"/>
      <c r="B206" s="129"/>
      <c r="D206" s="144"/>
      <c r="E206" s="145"/>
      <c r="F206" s="145"/>
      <c r="G206" s="145"/>
      <c r="H206" s="145"/>
      <c r="I206" s="145"/>
      <c r="J206" s="145"/>
      <c r="K206" s="211"/>
      <c r="L206" s="147"/>
      <c r="M206" s="148"/>
      <c r="N206" s="181"/>
      <c r="O206" s="149"/>
      <c r="Q206" s="150"/>
      <c r="R206" s="150"/>
      <c r="S206" s="150"/>
      <c r="T206" s="150"/>
      <c r="U206" s="150"/>
      <c r="V206" s="150"/>
      <c r="W206" s="183"/>
      <c r="X206" s="184"/>
      <c r="Y206" s="185"/>
      <c r="Z206" s="197"/>
    </row>
    <row r="207" spans="1:26" ht="16.5" customHeight="1">
      <c r="A207" s="129"/>
      <c r="B207" s="129"/>
      <c r="D207" s="138"/>
      <c r="E207" s="139"/>
      <c r="F207" s="139"/>
      <c r="G207" s="139"/>
      <c r="H207" s="139"/>
      <c r="I207" s="139"/>
      <c r="J207" s="139"/>
      <c r="K207" s="206"/>
      <c r="L207" s="141"/>
      <c r="M207" s="142"/>
      <c r="N207" s="142"/>
      <c r="O207" s="143"/>
      <c r="Q207" s="150"/>
      <c r="R207" s="150"/>
      <c r="S207" s="150"/>
      <c r="T207" s="150"/>
      <c r="U207" s="150"/>
      <c r="V207" s="150"/>
      <c r="W207" s="183"/>
      <c r="X207" s="184"/>
      <c r="Y207" s="185"/>
      <c r="Z207" s="185"/>
    </row>
    <row r="208" spans="1:26" ht="16.5" customHeight="1">
      <c r="A208" s="129"/>
      <c r="B208" s="129"/>
      <c r="D208" s="144"/>
      <c r="E208" s="145"/>
      <c r="F208" s="145"/>
      <c r="G208" s="145"/>
      <c r="H208" s="145"/>
      <c r="I208" s="145"/>
      <c r="J208" s="145"/>
      <c r="K208" s="205"/>
      <c r="L208" s="147"/>
      <c r="M208" s="148"/>
      <c r="N208" s="148"/>
      <c r="O208" s="149"/>
    </row>
    <row r="209" spans="1:17" ht="16.5" customHeight="1">
      <c r="A209" s="129"/>
      <c r="B209" s="129"/>
      <c r="D209" s="138"/>
      <c r="E209" s="139"/>
      <c r="F209" s="139"/>
      <c r="G209" s="139"/>
      <c r="H209" s="139"/>
      <c r="I209" s="139"/>
      <c r="J209" s="139"/>
      <c r="K209" s="206"/>
      <c r="L209" s="141"/>
      <c r="M209" s="142"/>
      <c r="N209" s="142"/>
      <c r="O209" s="143"/>
    </row>
    <row r="210" spans="1:17" ht="16.5" customHeight="1">
      <c r="A210" s="129"/>
      <c r="B210" s="129"/>
      <c r="D210" s="144"/>
      <c r="E210" s="145"/>
      <c r="F210" s="145"/>
      <c r="G210" s="145"/>
      <c r="H210" s="145"/>
      <c r="I210" s="145"/>
      <c r="J210" s="145"/>
      <c r="K210" s="146"/>
      <c r="L210" s="147"/>
      <c r="M210" s="148"/>
      <c r="N210" s="148"/>
      <c r="O210" s="198"/>
    </row>
    <row r="211" spans="1:17" ht="16.5" customHeight="1">
      <c r="A211" s="129"/>
      <c r="B211" s="129"/>
      <c r="D211" s="152"/>
      <c r="E211" s="153"/>
      <c r="F211" s="153"/>
      <c r="G211" s="153"/>
      <c r="H211" s="153"/>
      <c r="I211" s="153"/>
      <c r="J211" s="153"/>
      <c r="K211" s="154"/>
      <c r="L211" s="92"/>
      <c r="M211" s="155"/>
      <c r="N211" s="155"/>
      <c r="O211" s="199"/>
    </row>
    <row r="212" spans="1:17" s="157" customFormat="1" ht="16.5" customHeight="1">
      <c r="A212" s="129"/>
      <c r="B212" s="129"/>
      <c r="D212" s="158"/>
      <c r="E212" s="159"/>
      <c r="F212" s="159"/>
      <c r="G212" s="4"/>
      <c r="H212" s="4"/>
      <c r="I212" s="159"/>
      <c r="J212" s="159"/>
      <c r="K212" s="160"/>
      <c r="L212" s="161"/>
      <c r="M212" s="5"/>
      <c r="N212" s="5"/>
      <c r="O212" s="162"/>
    </row>
    <row r="213" spans="1:17" s="157" customFormat="1" ht="16.5" customHeight="1">
      <c r="A213" s="129"/>
      <c r="B213" s="129"/>
      <c r="D213" s="163"/>
      <c r="E213" s="164"/>
      <c r="F213" s="164"/>
      <c r="G213" s="164"/>
      <c r="H213" s="164"/>
      <c r="I213" s="164"/>
      <c r="J213" s="164"/>
      <c r="K213" s="165"/>
      <c r="L213" s="166"/>
      <c r="M213" s="167"/>
      <c r="N213" s="167"/>
      <c r="O213" s="168"/>
    </row>
    <row r="214" spans="1:17" s="157" customFormat="1" ht="16.5" customHeight="1">
      <c r="A214" s="129"/>
      <c r="B214" s="129"/>
      <c r="D214" s="169"/>
      <c r="E214" s="170"/>
      <c r="F214" s="170"/>
      <c r="G214" s="170"/>
      <c r="H214" s="170"/>
      <c r="I214" s="170"/>
      <c r="J214" s="170"/>
      <c r="K214" s="171"/>
      <c r="L214" s="172"/>
      <c r="M214" s="173"/>
      <c r="N214" s="173"/>
      <c r="O214" s="174"/>
    </row>
    <row r="215" spans="1:17" s="157" customFormat="1" ht="16.5" customHeight="1">
      <c r="A215" s="129"/>
      <c r="B215" s="129"/>
      <c r="D215" s="163" t="s">
        <v>350</v>
      </c>
      <c r="E215" s="164"/>
      <c r="F215" s="164"/>
      <c r="G215" s="164"/>
      <c r="H215" s="164"/>
      <c r="I215" s="164"/>
      <c r="J215" s="164"/>
      <c r="K215" s="165"/>
      <c r="L215" s="166"/>
      <c r="M215" s="167"/>
      <c r="N215" s="167"/>
      <c r="O215" s="168"/>
      <c r="Q215" s="200"/>
    </row>
    <row r="216" spans="1:17" s="157" customFormat="1" ht="16.5" customHeight="1">
      <c r="A216" s="129"/>
      <c r="B216" s="129"/>
      <c r="D216" s="169"/>
      <c r="E216" s="170"/>
      <c r="F216" s="170"/>
      <c r="G216" s="170"/>
      <c r="H216" s="170"/>
      <c r="I216" s="170"/>
      <c r="J216" s="170"/>
      <c r="K216" s="171"/>
      <c r="L216" s="172"/>
      <c r="M216" s="173"/>
      <c r="N216" s="173"/>
      <c r="O216" s="174"/>
    </row>
    <row r="217" spans="1:17" s="157" customFormat="1" ht="16.5" customHeight="1">
      <c r="A217" s="129"/>
      <c r="B217" s="129"/>
      <c r="D217" s="163"/>
      <c r="E217" s="164" t="s">
        <v>368</v>
      </c>
      <c r="F217" s="164"/>
      <c r="G217" s="164"/>
      <c r="H217" s="164"/>
      <c r="I217" s="164"/>
      <c r="J217" s="164"/>
      <c r="K217" s="165">
        <v>2.5</v>
      </c>
      <c r="L217" s="166" t="s">
        <v>351</v>
      </c>
      <c r="M217" s="167"/>
      <c r="N217" s="167"/>
      <c r="O217" s="168"/>
      <c r="Q217" s="200"/>
    </row>
    <row r="218" spans="1:17" s="157" customFormat="1" ht="16.5" customHeight="1">
      <c r="A218" s="129"/>
      <c r="B218" s="129"/>
      <c r="D218" s="169"/>
      <c r="E218" s="170"/>
      <c r="F218" s="170"/>
      <c r="G218" s="170"/>
      <c r="H218" s="170"/>
      <c r="I218" s="170"/>
      <c r="J218" s="170"/>
      <c r="K218" s="171"/>
      <c r="L218" s="172"/>
      <c r="M218" s="173"/>
      <c r="N218" s="173"/>
      <c r="O218" s="174"/>
    </row>
    <row r="219" spans="1:17" s="157" customFormat="1" ht="16.5" customHeight="1">
      <c r="A219" s="129"/>
      <c r="B219" s="129"/>
      <c r="D219" s="163"/>
      <c r="E219" s="164" t="s">
        <v>369</v>
      </c>
      <c r="F219" s="164"/>
      <c r="G219" s="164"/>
      <c r="H219" s="164"/>
      <c r="I219" s="164"/>
      <c r="J219" s="164"/>
      <c r="K219" s="165">
        <v>2.5</v>
      </c>
      <c r="L219" s="166" t="s">
        <v>351</v>
      </c>
      <c r="M219" s="167"/>
      <c r="N219" s="167"/>
      <c r="O219" s="168"/>
    </row>
    <row r="220" spans="1:17" s="157" customFormat="1" ht="16.5" customHeight="1">
      <c r="A220" s="129"/>
      <c r="B220" s="129"/>
      <c r="D220" s="169"/>
      <c r="E220" s="170"/>
      <c r="F220" s="170"/>
      <c r="G220" s="170"/>
      <c r="H220" s="170"/>
      <c r="I220" s="170"/>
      <c r="J220" s="170"/>
      <c r="K220" s="171"/>
      <c r="L220" s="172"/>
      <c r="M220" s="173"/>
      <c r="N220" s="173"/>
      <c r="O220" s="174"/>
    </row>
    <row r="221" spans="1:17" s="157" customFormat="1" ht="16.5" customHeight="1">
      <c r="A221" s="129"/>
      <c r="B221" s="129"/>
      <c r="D221" s="163" t="s">
        <v>352</v>
      </c>
      <c r="E221" s="164"/>
      <c r="F221" s="164"/>
      <c r="G221" s="164"/>
      <c r="H221" s="164"/>
      <c r="I221" s="164"/>
      <c r="J221" s="164"/>
      <c r="K221" s="165"/>
      <c r="L221" s="166"/>
      <c r="M221" s="167"/>
      <c r="N221" s="167"/>
      <c r="O221" s="168"/>
      <c r="Q221" s="200"/>
    </row>
    <row r="222" spans="1:17" s="157" customFormat="1" ht="16.5" customHeight="1">
      <c r="A222" s="129"/>
      <c r="B222" s="129"/>
      <c r="D222" s="169"/>
      <c r="E222" s="170"/>
      <c r="F222" s="170"/>
      <c r="G222" s="170"/>
      <c r="H222" s="170"/>
      <c r="I222" s="170"/>
      <c r="J222" s="170"/>
      <c r="K222" s="171"/>
      <c r="L222" s="172"/>
      <c r="M222" s="173"/>
      <c r="N222" s="173"/>
      <c r="O222" s="174"/>
    </row>
    <row r="223" spans="1:17" s="157" customFormat="1" ht="16.5" customHeight="1">
      <c r="A223" s="129"/>
      <c r="B223" s="129"/>
      <c r="D223" s="163"/>
      <c r="E223" s="164"/>
      <c r="F223" s="164"/>
      <c r="G223" s="164"/>
      <c r="H223" s="164"/>
      <c r="I223" s="164"/>
      <c r="J223" s="164"/>
      <c r="K223" s="165"/>
      <c r="L223" s="166"/>
      <c r="M223" s="167"/>
      <c r="N223" s="167"/>
      <c r="O223" s="168"/>
      <c r="Q223" s="200"/>
    </row>
    <row r="224" spans="1:17" s="201" customFormat="1" ht="16.5" customHeight="1">
      <c r="A224" s="129"/>
      <c r="B224" s="129"/>
      <c r="D224" s="169"/>
      <c r="E224" s="170"/>
      <c r="F224" s="170"/>
      <c r="G224" s="170"/>
      <c r="H224" s="170"/>
      <c r="I224" s="170"/>
      <c r="J224" s="170"/>
      <c r="K224" s="171"/>
      <c r="L224" s="172"/>
      <c r="M224" s="173"/>
      <c r="N224" s="173"/>
      <c r="O224" s="174"/>
    </row>
    <row r="225" spans="1:15" s="202" customFormat="1" ht="16.5" customHeight="1">
      <c r="A225" s="129"/>
      <c r="B225" s="129"/>
      <c r="D225" s="163" t="s">
        <v>112</v>
      </c>
      <c r="E225" s="164"/>
      <c r="F225" s="164"/>
      <c r="G225" s="164"/>
      <c r="H225" s="164"/>
      <c r="I225" s="164"/>
      <c r="J225" s="164"/>
      <c r="K225" s="165"/>
      <c r="L225" s="166"/>
      <c r="M225" s="167"/>
      <c r="N225" s="167"/>
      <c r="O225" s="168"/>
    </row>
    <row r="226" spans="1:15" s="157" customFormat="1" ht="16.5" customHeight="1">
      <c r="A226" s="129"/>
      <c r="B226" s="129"/>
      <c r="D226" s="169"/>
      <c r="E226" s="170"/>
      <c r="F226" s="170"/>
      <c r="G226" s="170"/>
      <c r="H226" s="170"/>
      <c r="I226" s="170"/>
      <c r="J226" s="170"/>
      <c r="K226" s="171"/>
      <c r="L226" s="172"/>
      <c r="M226" s="173"/>
      <c r="N226" s="173"/>
      <c r="O226" s="174"/>
    </row>
    <row r="227" spans="1:15" s="157" customFormat="1" ht="16.5" customHeight="1">
      <c r="A227" s="129"/>
      <c r="B227" s="129"/>
      <c r="D227" s="163"/>
      <c r="E227" s="164" t="s">
        <v>354</v>
      </c>
      <c r="F227" s="164"/>
      <c r="G227" s="164"/>
      <c r="H227" s="164"/>
      <c r="I227" s="164" t="s">
        <v>355</v>
      </c>
      <c r="J227" s="164"/>
      <c r="K227" s="165">
        <v>0.04</v>
      </c>
      <c r="L227" s="166" t="s">
        <v>457</v>
      </c>
      <c r="M227" s="167"/>
      <c r="N227" s="167"/>
      <c r="O227" s="168"/>
    </row>
    <row r="228" spans="1:15" s="157" customFormat="1" ht="16.5" customHeight="1">
      <c r="A228" s="129"/>
      <c r="B228" s="129"/>
      <c r="D228" s="169"/>
      <c r="E228" s="170"/>
      <c r="F228" s="170"/>
      <c r="G228" s="170"/>
      <c r="H228" s="170"/>
      <c r="I228" s="170"/>
      <c r="J228" s="170"/>
      <c r="K228" s="171"/>
      <c r="L228" s="172"/>
      <c r="M228" s="173"/>
      <c r="N228" s="173"/>
      <c r="O228" s="174"/>
    </row>
    <row r="229" spans="1:15" s="157" customFormat="1" ht="16.5" customHeight="1">
      <c r="A229" s="129"/>
      <c r="B229" s="129"/>
      <c r="D229" s="163"/>
      <c r="E229" s="164" t="s">
        <v>354</v>
      </c>
      <c r="F229" s="164"/>
      <c r="G229" s="164"/>
      <c r="H229" s="164"/>
      <c r="I229" s="164" t="s">
        <v>356</v>
      </c>
      <c r="J229" s="164"/>
      <c r="K229" s="165">
        <v>0.04</v>
      </c>
      <c r="L229" s="166" t="s">
        <v>457</v>
      </c>
      <c r="M229" s="167"/>
      <c r="N229" s="167"/>
      <c r="O229" s="168"/>
    </row>
    <row r="230" spans="1:15" s="157" customFormat="1" ht="16.5" customHeight="1">
      <c r="A230" s="129"/>
      <c r="B230" s="129"/>
      <c r="D230" s="169"/>
      <c r="E230" s="170"/>
      <c r="F230" s="170"/>
      <c r="G230" s="170"/>
      <c r="H230" s="170"/>
      <c r="I230" s="170"/>
      <c r="J230" s="170"/>
      <c r="K230" s="171"/>
      <c r="L230" s="172"/>
      <c r="M230" s="173"/>
      <c r="N230" s="173"/>
      <c r="O230" s="174"/>
    </row>
    <row r="231" spans="1:15" s="157" customFormat="1" ht="16.5" customHeight="1">
      <c r="A231" s="129"/>
      <c r="B231" s="129"/>
      <c r="D231" s="163" t="s">
        <v>379</v>
      </c>
      <c r="E231" s="164"/>
      <c r="F231" s="164"/>
      <c r="G231" s="164"/>
      <c r="H231" s="164"/>
      <c r="I231" s="164"/>
      <c r="J231" s="164"/>
      <c r="K231" s="165"/>
      <c r="L231" s="166"/>
      <c r="M231" s="167"/>
      <c r="N231" s="167"/>
      <c r="O231" s="168"/>
    </row>
    <row r="232" spans="1:15" s="157" customFormat="1" ht="16.5" customHeight="1">
      <c r="A232" s="129"/>
      <c r="B232" s="129"/>
      <c r="D232" s="169"/>
      <c r="E232" s="170"/>
      <c r="F232" s="170"/>
      <c r="G232" s="170"/>
      <c r="H232" s="170"/>
      <c r="I232" s="170"/>
      <c r="J232" s="170"/>
      <c r="K232" s="171"/>
      <c r="L232" s="172"/>
      <c r="M232" s="173"/>
      <c r="N232" s="173"/>
      <c r="O232" s="174"/>
    </row>
    <row r="233" spans="1:15" s="157" customFormat="1" ht="16.5" customHeight="1">
      <c r="A233" s="129"/>
      <c r="B233" s="129"/>
      <c r="D233" s="163"/>
      <c r="E233" s="164"/>
      <c r="F233" s="164"/>
      <c r="G233" s="164"/>
      <c r="H233" s="164"/>
      <c r="I233" s="164"/>
      <c r="J233" s="164"/>
      <c r="K233" s="314"/>
      <c r="L233" s="166"/>
      <c r="M233" s="167"/>
      <c r="N233" s="167"/>
      <c r="O233" s="168"/>
    </row>
    <row r="234" spans="1:15" s="157" customFormat="1" ht="16.5" customHeight="1">
      <c r="A234" s="129"/>
      <c r="B234" s="129"/>
      <c r="D234" s="169"/>
      <c r="E234" s="170"/>
      <c r="F234" s="170"/>
      <c r="G234" s="170"/>
      <c r="H234" s="170"/>
      <c r="I234" s="170"/>
      <c r="J234" s="170"/>
      <c r="K234" s="316"/>
      <c r="L234" s="172"/>
      <c r="M234" s="173"/>
      <c r="N234" s="173"/>
      <c r="O234" s="174"/>
    </row>
    <row r="235" spans="1:15" s="157" customFormat="1" ht="16.5" customHeight="1">
      <c r="A235" s="129"/>
      <c r="B235" s="129"/>
      <c r="D235" s="163"/>
      <c r="E235" s="164"/>
      <c r="F235" s="164"/>
      <c r="G235" s="164"/>
      <c r="H235" s="164"/>
      <c r="I235" s="164"/>
      <c r="J235" s="164"/>
      <c r="K235" s="314"/>
      <c r="L235" s="166"/>
      <c r="M235" s="167"/>
      <c r="N235" s="167"/>
      <c r="O235" s="168"/>
    </row>
    <row r="236" spans="1:15" s="157" customFormat="1" ht="16.5" customHeight="1">
      <c r="A236" s="129"/>
      <c r="B236" s="129"/>
      <c r="D236" s="169"/>
      <c r="E236" s="170"/>
      <c r="F236" s="170"/>
      <c r="G236" s="170"/>
      <c r="H236" s="170"/>
      <c r="I236" s="170"/>
      <c r="J236" s="170"/>
      <c r="K236" s="171"/>
      <c r="L236" s="172"/>
      <c r="M236" s="173"/>
      <c r="N236" s="173"/>
      <c r="O236" s="174"/>
    </row>
    <row r="237" spans="1:15" s="157" customFormat="1" ht="16.5" customHeight="1">
      <c r="A237" s="129"/>
      <c r="B237" s="129"/>
      <c r="D237" s="163"/>
      <c r="E237" s="164"/>
      <c r="F237" s="164"/>
      <c r="G237" s="164"/>
      <c r="H237" s="164"/>
      <c r="I237" s="164"/>
      <c r="J237" s="164"/>
      <c r="K237" s="165"/>
      <c r="L237" s="166"/>
      <c r="M237" s="167"/>
      <c r="N237" s="167"/>
      <c r="O237" s="168"/>
    </row>
    <row r="238" spans="1:15" s="157" customFormat="1" ht="16.5" customHeight="1">
      <c r="A238" s="129"/>
      <c r="B238" s="129"/>
      <c r="D238" s="169"/>
      <c r="E238" s="170"/>
      <c r="F238" s="170"/>
      <c r="G238" s="170"/>
      <c r="H238" s="170"/>
      <c r="I238" s="170"/>
      <c r="J238" s="170"/>
      <c r="K238" s="171"/>
      <c r="L238" s="172"/>
      <c r="M238" s="173"/>
      <c r="N238" s="173"/>
      <c r="O238" s="174"/>
    </row>
    <row r="239" spans="1:15" s="157" customFormat="1" ht="16.5" customHeight="1">
      <c r="A239" s="129"/>
      <c r="B239" s="129"/>
      <c r="D239" s="163"/>
      <c r="E239" s="164"/>
      <c r="F239" s="164"/>
      <c r="G239" s="164"/>
      <c r="H239" s="164"/>
      <c r="I239" s="164"/>
      <c r="J239" s="164"/>
      <c r="K239" s="165"/>
      <c r="L239" s="166"/>
      <c r="M239" s="167"/>
      <c r="N239" s="167"/>
      <c r="O239" s="168"/>
    </row>
    <row r="240" spans="1:15" s="157" customFormat="1" ht="16.5" customHeight="1">
      <c r="A240" s="129"/>
      <c r="B240" s="129"/>
      <c r="D240" s="169"/>
      <c r="E240" s="170"/>
      <c r="F240" s="170"/>
      <c r="G240" s="170"/>
      <c r="H240" s="170"/>
      <c r="I240" s="170"/>
      <c r="J240" s="170"/>
      <c r="K240" s="171"/>
      <c r="L240" s="172"/>
      <c r="M240" s="173"/>
      <c r="N240" s="173"/>
      <c r="O240" s="174"/>
    </row>
    <row r="241" spans="1:17" s="157" customFormat="1" ht="16.5" customHeight="1">
      <c r="A241" s="129"/>
      <c r="B241" s="129"/>
      <c r="D241" s="175"/>
      <c r="E241" s="176"/>
      <c r="F241" s="176"/>
      <c r="G241" s="176"/>
      <c r="H241" s="176"/>
      <c r="I241" s="176"/>
      <c r="J241" s="176"/>
      <c r="K241" s="177"/>
      <c r="L241" s="178"/>
      <c r="M241" s="179"/>
      <c r="N241" s="179"/>
      <c r="O241" s="180"/>
    </row>
    <row r="242" spans="1:17" s="157" customFormat="1" ht="16.5" customHeight="1">
      <c r="A242" s="129"/>
      <c r="B242" s="129"/>
      <c r="D242" s="169"/>
      <c r="E242" s="170"/>
      <c r="F242" s="170"/>
      <c r="G242" s="170"/>
      <c r="H242" s="170"/>
      <c r="I242" s="170"/>
      <c r="J242" s="170"/>
      <c r="K242" s="171"/>
      <c r="L242" s="172"/>
      <c r="M242" s="173"/>
      <c r="N242" s="173"/>
      <c r="O242" s="174"/>
    </row>
    <row r="243" spans="1:17" s="157" customFormat="1" ht="16.5" customHeight="1">
      <c r="A243" s="129"/>
      <c r="B243" s="129"/>
      <c r="D243" s="163"/>
      <c r="E243" s="164"/>
      <c r="F243" s="164"/>
      <c r="G243" s="164"/>
      <c r="H243" s="164"/>
      <c r="I243" s="164"/>
      <c r="J243" s="164"/>
      <c r="K243" s="165"/>
      <c r="L243" s="166"/>
      <c r="M243" s="167"/>
      <c r="N243" s="167"/>
      <c r="O243" s="168"/>
    </row>
    <row r="244" spans="1:17" s="157" customFormat="1" ht="16.5" customHeight="1">
      <c r="A244" s="129"/>
      <c r="B244" s="129"/>
      <c r="D244" s="169"/>
      <c r="E244" s="170"/>
      <c r="F244" s="170"/>
      <c r="G244" s="170"/>
      <c r="H244" s="170"/>
      <c r="I244" s="170"/>
      <c r="J244" s="170"/>
      <c r="K244" s="171"/>
      <c r="L244" s="172"/>
      <c r="M244" s="173"/>
      <c r="N244" s="173"/>
      <c r="O244" s="174"/>
    </row>
    <row r="245" spans="1:17" s="157" customFormat="1" ht="16.5" customHeight="1">
      <c r="A245" s="129"/>
      <c r="B245" s="129"/>
      <c r="D245" s="163"/>
      <c r="E245" s="164"/>
      <c r="F245" s="164"/>
      <c r="G245" s="164"/>
      <c r="H245" s="164"/>
      <c r="I245" s="164"/>
      <c r="J245" s="164"/>
      <c r="K245" s="165"/>
      <c r="L245" s="166"/>
      <c r="M245" s="167"/>
      <c r="N245" s="167"/>
      <c r="O245" s="168"/>
    </row>
    <row r="246" spans="1:17" s="157" customFormat="1" ht="16.5" customHeight="1">
      <c r="A246" s="129"/>
      <c r="B246" s="129"/>
      <c r="D246" s="169"/>
      <c r="E246" s="170"/>
      <c r="F246" s="170"/>
      <c r="G246" s="170"/>
      <c r="H246" s="170"/>
      <c r="I246" s="170"/>
      <c r="J246" s="170"/>
      <c r="K246" s="171"/>
      <c r="L246" s="172"/>
      <c r="M246" s="173"/>
      <c r="N246" s="173"/>
      <c r="O246" s="174"/>
    </row>
    <row r="247" spans="1:17" s="157" customFormat="1" ht="16.5" customHeight="1">
      <c r="A247" s="129"/>
      <c r="B247" s="129"/>
      <c r="D247" s="163"/>
      <c r="E247" s="164"/>
      <c r="F247" s="164"/>
      <c r="G247" s="164"/>
      <c r="H247" s="164"/>
      <c r="I247" s="164"/>
      <c r="J247" s="164"/>
      <c r="K247" s="165"/>
      <c r="L247" s="166"/>
      <c r="M247" s="167"/>
      <c r="N247" s="167"/>
      <c r="O247" s="168"/>
    </row>
    <row r="248" spans="1:17" s="157" customFormat="1" ht="16.5" customHeight="1">
      <c r="A248" s="129"/>
      <c r="B248" s="129"/>
      <c r="D248" s="169"/>
      <c r="E248" s="170"/>
      <c r="F248" s="170"/>
      <c r="G248" s="170"/>
      <c r="H248" s="170"/>
      <c r="I248" s="170"/>
      <c r="J248" s="170"/>
      <c r="K248" s="171"/>
      <c r="L248" s="172"/>
      <c r="M248" s="173"/>
      <c r="N248" s="173"/>
      <c r="O248" s="174"/>
    </row>
    <row r="249" spans="1:17" s="157" customFormat="1" ht="16.5" customHeight="1">
      <c r="A249" s="129"/>
      <c r="B249" s="129"/>
      <c r="D249" s="163"/>
      <c r="E249" s="164"/>
      <c r="F249" s="164"/>
      <c r="G249" s="164"/>
      <c r="H249" s="164"/>
      <c r="I249" s="164"/>
      <c r="J249" s="164"/>
      <c r="K249" s="165"/>
      <c r="L249" s="166"/>
      <c r="M249" s="167"/>
      <c r="N249" s="167"/>
      <c r="O249" s="168"/>
    </row>
    <row r="250" spans="1:17" s="157" customFormat="1" ht="16.5" customHeight="1">
      <c r="A250" s="129"/>
      <c r="B250" s="129"/>
      <c r="D250" s="169"/>
      <c r="E250" s="170"/>
      <c r="F250" s="170"/>
      <c r="G250" s="170"/>
      <c r="H250" s="170"/>
      <c r="I250" s="170"/>
      <c r="J250" s="170"/>
      <c r="K250" s="171"/>
      <c r="L250" s="172"/>
      <c r="M250" s="173"/>
      <c r="N250" s="173"/>
      <c r="O250" s="174"/>
    </row>
    <row r="251" spans="1:17" s="157" customFormat="1" ht="16.5" customHeight="1">
      <c r="A251" s="129"/>
      <c r="B251" s="129"/>
      <c r="D251" s="175"/>
      <c r="E251" s="176"/>
      <c r="F251" s="176"/>
      <c r="G251" s="176"/>
      <c r="H251" s="176"/>
      <c r="I251" s="176"/>
      <c r="J251" s="176"/>
      <c r="K251" s="177"/>
      <c r="L251" s="178"/>
      <c r="M251" s="179"/>
      <c r="N251" s="179"/>
      <c r="O251" s="180"/>
    </row>
    <row r="252" spans="1:17" s="157" customFormat="1" ht="16.5" customHeight="1">
      <c r="A252" s="129"/>
      <c r="B252" s="129"/>
      <c r="D252" s="158"/>
      <c r="E252" s="159"/>
      <c r="F252" s="159"/>
      <c r="G252" s="4"/>
      <c r="H252" s="4"/>
      <c r="I252" s="159"/>
      <c r="J252" s="159"/>
      <c r="K252" s="160"/>
      <c r="L252" s="161"/>
      <c r="M252" s="5"/>
      <c r="N252" s="5"/>
      <c r="O252" s="162"/>
    </row>
    <row r="253" spans="1:17" s="157" customFormat="1" ht="16.5" customHeight="1">
      <c r="A253" s="129"/>
      <c r="B253" s="129"/>
      <c r="D253" s="163"/>
      <c r="E253" s="164"/>
      <c r="F253" s="164"/>
      <c r="G253" s="164"/>
      <c r="H253" s="164"/>
      <c r="I253" s="164"/>
      <c r="J253" s="164"/>
      <c r="K253" s="165"/>
      <c r="L253" s="166"/>
      <c r="M253" s="167"/>
      <c r="N253" s="167"/>
      <c r="O253" s="168"/>
    </row>
    <row r="254" spans="1:17" s="157" customFormat="1" ht="16.5" customHeight="1">
      <c r="A254" s="129"/>
      <c r="B254" s="129"/>
      <c r="D254" s="169"/>
      <c r="E254" s="170"/>
      <c r="F254" s="170"/>
      <c r="G254" s="170"/>
      <c r="H254" s="170"/>
      <c r="I254" s="170"/>
      <c r="J254" s="170"/>
      <c r="K254" s="171"/>
      <c r="L254" s="172"/>
      <c r="M254" s="173"/>
      <c r="N254" s="173"/>
      <c r="O254" s="174"/>
    </row>
    <row r="255" spans="1:17" s="157" customFormat="1" ht="16.5" customHeight="1">
      <c r="A255" s="129"/>
      <c r="B255" s="129"/>
      <c r="D255" s="163"/>
      <c r="E255" s="164"/>
      <c r="F255" s="164"/>
      <c r="G255" s="164"/>
      <c r="H255" s="164"/>
      <c r="I255" s="164"/>
      <c r="J255" s="164"/>
      <c r="K255" s="165"/>
      <c r="L255" s="166"/>
      <c r="M255" s="167"/>
      <c r="N255" s="167"/>
      <c r="O255" s="168"/>
      <c r="Q255" s="200"/>
    </row>
    <row r="256" spans="1:17" s="157" customFormat="1" ht="16.5" customHeight="1">
      <c r="A256" s="129"/>
      <c r="B256" s="129"/>
      <c r="D256" s="169"/>
      <c r="E256" s="170"/>
      <c r="F256" s="170"/>
      <c r="G256" s="170"/>
      <c r="H256" s="170"/>
      <c r="I256" s="170"/>
      <c r="J256" s="170"/>
      <c r="K256" s="171"/>
      <c r="L256" s="172"/>
      <c r="M256" s="173"/>
      <c r="N256" s="173"/>
      <c r="O256" s="174"/>
    </row>
    <row r="257" spans="1:17" s="157" customFormat="1" ht="16.5" customHeight="1">
      <c r="A257" s="129"/>
      <c r="B257" s="129"/>
      <c r="D257" s="163"/>
      <c r="E257" s="164"/>
      <c r="F257" s="164"/>
      <c r="G257" s="164"/>
      <c r="H257" s="164"/>
      <c r="I257" s="164"/>
      <c r="J257" s="164"/>
      <c r="K257" s="165"/>
      <c r="L257" s="166"/>
      <c r="M257" s="167"/>
      <c r="N257" s="167"/>
      <c r="O257" s="168"/>
      <c r="Q257" s="200"/>
    </row>
    <row r="258" spans="1:17" s="157" customFormat="1" ht="16.5" customHeight="1">
      <c r="A258" s="129"/>
      <c r="B258" s="129"/>
      <c r="D258" s="169"/>
      <c r="E258" s="170"/>
      <c r="F258" s="170"/>
      <c r="G258" s="170"/>
      <c r="H258" s="170"/>
      <c r="I258" s="170"/>
      <c r="J258" s="170"/>
      <c r="K258" s="171"/>
      <c r="L258" s="172"/>
      <c r="M258" s="173"/>
      <c r="N258" s="173"/>
      <c r="O258" s="174"/>
    </row>
    <row r="259" spans="1:17" s="157" customFormat="1" ht="16.5" customHeight="1">
      <c r="A259" s="129"/>
      <c r="B259" s="129"/>
      <c r="D259" s="163"/>
      <c r="E259" s="164"/>
      <c r="F259" s="164"/>
      <c r="G259" s="164"/>
      <c r="H259" s="164"/>
      <c r="I259" s="164"/>
      <c r="J259" s="164"/>
      <c r="K259" s="165"/>
      <c r="L259" s="166"/>
      <c r="M259" s="167"/>
      <c r="N259" s="167"/>
      <c r="O259" s="168"/>
    </row>
    <row r="260" spans="1:17" s="157" customFormat="1" ht="16.5" customHeight="1">
      <c r="A260" s="129"/>
      <c r="B260" s="129"/>
      <c r="D260" s="169"/>
      <c r="E260" s="170"/>
      <c r="F260" s="170"/>
      <c r="G260" s="170"/>
      <c r="H260" s="170"/>
      <c r="I260" s="170"/>
      <c r="J260" s="170"/>
      <c r="K260" s="171"/>
      <c r="L260" s="172"/>
      <c r="M260" s="173"/>
      <c r="N260" s="173"/>
      <c r="O260" s="174"/>
    </row>
    <row r="261" spans="1:17" s="157" customFormat="1" ht="16.5" customHeight="1">
      <c r="A261" s="129"/>
      <c r="B261" s="129"/>
      <c r="D261" s="163"/>
      <c r="E261" s="164"/>
      <c r="F261" s="164"/>
      <c r="G261" s="164"/>
      <c r="H261" s="164"/>
      <c r="I261" s="164"/>
      <c r="J261" s="164"/>
      <c r="K261" s="165"/>
      <c r="L261" s="166"/>
      <c r="M261" s="167"/>
      <c r="N261" s="167"/>
      <c r="O261" s="168"/>
      <c r="Q261" s="200"/>
    </row>
    <row r="262" spans="1:17" s="157" customFormat="1" ht="16.5" customHeight="1">
      <c r="A262" s="129"/>
      <c r="B262" s="129"/>
      <c r="D262" s="169"/>
      <c r="E262" s="170"/>
      <c r="F262" s="170"/>
      <c r="G262" s="170"/>
      <c r="H262" s="170"/>
      <c r="I262" s="170"/>
      <c r="J262" s="170"/>
      <c r="K262" s="171"/>
      <c r="L262" s="172"/>
      <c r="M262" s="173"/>
      <c r="N262" s="173"/>
      <c r="O262" s="174"/>
    </row>
    <row r="263" spans="1:17" s="157" customFormat="1" ht="16.5" customHeight="1">
      <c r="A263" s="129"/>
      <c r="B263" s="129"/>
      <c r="D263" s="163"/>
      <c r="E263" s="164"/>
      <c r="F263" s="164"/>
      <c r="G263" s="164"/>
      <c r="H263" s="164"/>
      <c r="I263" s="164"/>
      <c r="J263" s="164"/>
      <c r="K263" s="165"/>
      <c r="L263" s="166"/>
      <c r="M263" s="167"/>
      <c r="N263" s="167"/>
      <c r="O263" s="168"/>
      <c r="Q263" s="200"/>
    </row>
    <row r="264" spans="1:17" s="201" customFormat="1" ht="16.5" customHeight="1">
      <c r="A264" s="129"/>
      <c r="B264" s="129"/>
      <c r="D264" s="169"/>
      <c r="E264" s="170"/>
      <c r="F264" s="170"/>
      <c r="G264" s="170"/>
      <c r="H264" s="170"/>
      <c r="I264" s="170"/>
      <c r="J264" s="170"/>
      <c r="K264" s="171"/>
      <c r="L264" s="172"/>
      <c r="M264" s="173"/>
      <c r="N264" s="173"/>
      <c r="O264" s="174"/>
    </row>
    <row r="265" spans="1:17" s="202" customFormat="1" ht="16.5" customHeight="1">
      <c r="A265" s="129"/>
      <c r="B265" s="129"/>
      <c r="D265" s="163"/>
      <c r="E265" s="164"/>
      <c r="F265" s="164"/>
      <c r="G265" s="164"/>
      <c r="H265" s="164"/>
      <c r="I265" s="164"/>
      <c r="J265" s="164"/>
      <c r="K265" s="165"/>
      <c r="L265" s="166"/>
      <c r="M265" s="167"/>
      <c r="N265" s="167"/>
      <c r="O265" s="168"/>
    </row>
    <row r="266" spans="1:17" s="157" customFormat="1" ht="16.5" customHeight="1">
      <c r="A266" s="129"/>
      <c r="B266" s="129"/>
      <c r="D266" s="169"/>
      <c r="E266" s="170"/>
      <c r="F266" s="170"/>
      <c r="G266" s="170"/>
      <c r="H266" s="170"/>
      <c r="I266" s="170"/>
      <c r="J266" s="170"/>
      <c r="K266" s="171"/>
      <c r="L266" s="172"/>
      <c r="M266" s="173"/>
      <c r="N266" s="173"/>
      <c r="O266" s="174"/>
    </row>
    <row r="267" spans="1:17" s="157" customFormat="1" ht="16.5" customHeight="1">
      <c r="A267" s="129"/>
      <c r="B267" s="129"/>
      <c r="D267" s="163"/>
      <c r="E267" s="164"/>
      <c r="F267" s="164"/>
      <c r="G267" s="164"/>
      <c r="H267" s="164"/>
      <c r="I267" s="164"/>
      <c r="J267" s="164"/>
      <c r="K267" s="165"/>
      <c r="L267" s="166"/>
      <c r="M267" s="167"/>
      <c r="N267" s="167"/>
      <c r="O267" s="168"/>
    </row>
    <row r="268" spans="1:17" s="157" customFormat="1" ht="16.5" customHeight="1">
      <c r="A268" s="129"/>
      <c r="B268" s="129"/>
      <c r="D268" s="169"/>
      <c r="E268" s="170"/>
      <c r="F268" s="170"/>
      <c r="G268" s="170"/>
      <c r="H268" s="170"/>
      <c r="I268" s="170"/>
      <c r="J268" s="170"/>
      <c r="K268" s="171"/>
      <c r="L268" s="172"/>
      <c r="M268" s="173"/>
      <c r="N268" s="173"/>
      <c r="O268" s="174"/>
    </row>
    <row r="269" spans="1:17" s="157" customFormat="1" ht="16.5" customHeight="1">
      <c r="A269" s="129"/>
      <c r="B269" s="129"/>
      <c r="D269" s="163"/>
      <c r="E269" s="164"/>
      <c r="F269" s="164"/>
      <c r="G269" s="164"/>
      <c r="H269" s="164"/>
      <c r="I269" s="164"/>
      <c r="J269" s="164"/>
      <c r="K269" s="165"/>
      <c r="L269" s="166"/>
      <c r="M269" s="167"/>
      <c r="N269" s="167"/>
      <c r="O269" s="168"/>
    </row>
    <row r="270" spans="1:17" s="157" customFormat="1" ht="16.5" customHeight="1">
      <c r="A270" s="129"/>
      <c r="B270" s="129"/>
      <c r="D270" s="169"/>
      <c r="E270" s="170"/>
      <c r="F270" s="170"/>
      <c r="G270" s="170"/>
      <c r="H270" s="170"/>
      <c r="I270" s="170"/>
      <c r="J270" s="170"/>
      <c r="K270" s="171"/>
      <c r="L270" s="172"/>
      <c r="M270" s="173"/>
      <c r="N270" s="173"/>
      <c r="O270" s="174"/>
    </row>
    <row r="271" spans="1:17" s="157" customFormat="1" ht="16.5" customHeight="1">
      <c r="A271" s="129"/>
      <c r="B271" s="129"/>
      <c r="D271" s="163"/>
      <c r="E271" s="164"/>
      <c r="F271" s="164"/>
      <c r="G271" s="164"/>
      <c r="H271" s="164"/>
      <c r="I271" s="164"/>
      <c r="J271" s="164"/>
      <c r="K271" s="165"/>
      <c r="L271" s="166"/>
      <c r="M271" s="167"/>
      <c r="N271" s="167"/>
      <c r="O271" s="168"/>
    </row>
    <row r="272" spans="1:17" s="157" customFormat="1" ht="16.5" customHeight="1">
      <c r="A272" s="129"/>
      <c r="B272" s="129"/>
      <c r="D272" s="169"/>
      <c r="E272" s="170"/>
      <c r="F272" s="170"/>
      <c r="G272" s="170"/>
      <c r="H272" s="170"/>
      <c r="I272" s="170"/>
      <c r="J272" s="170"/>
      <c r="K272" s="171"/>
      <c r="L272" s="172"/>
      <c r="M272" s="173"/>
      <c r="N272" s="173"/>
      <c r="O272" s="174"/>
    </row>
    <row r="273" spans="1:17" s="157" customFormat="1" ht="16.5" customHeight="1">
      <c r="A273" s="129"/>
      <c r="B273" s="129"/>
      <c r="D273" s="163"/>
      <c r="E273" s="164"/>
      <c r="F273" s="164"/>
      <c r="G273" s="164"/>
      <c r="H273" s="164"/>
      <c r="I273" s="164"/>
      <c r="J273" s="164"/>
      <c r="K273" s="165"/>
      <c r="L273" s="166"/>
      <c r="M273" s="167"/>
      <c r="N273" s="167"/>
      <c r="O273" s="168"/>
    </row>
    <row r="274" spans="1:17" s="157" customFormat="1" ht="16.5" customHeight="1">
      <c r="A274" s="129"/>
      <c r="B274" s="129"/>
      <c r="D274" s="169"/>
      <c r="E274" s="170"/>
      <c r="F274" s="170"/>
      <c r="G274" s="170"/>
      <c r="H274" s="170"/>
      <c r="I274" s="170"/>
      <c r="J274" s="170"/>
      <c r="K274" s="171"/>
      <c r="L274" s="172"/>
      <c r="M274" s="173"/>
      <c r="N274" s="173"/>
      <c r="O274" s="174"/>
    </row>
    <row r="275" spans="1:17" s="157" customFormat="1" ht="16.5" customHeight="1">
      <c r="A275" s="129"/>
      <c r="B275" s="129"/>
      <c r="D275" s="163"/>
      <c r="E275" s="164"/>
      <c r="F275" s="164"/>
      <c r="G275" s="164"/>
      <c r="H275" s="164"/>
      <c r="I275" s="164"/>
      <c r="J275" s="164"/>
      <c r="K275" s="165"/>
      <c r="L275" s="166"/>
      <c r="M275" s="167"/>
      <c r="N275" s="167"/>
      <c r="O275" s="168"/>
    </row>
    <row r="276" spans="1:17" s="157" customFormat="1" ht="16.5" customHeight="1">
      <c r="A276" s="129"/>
      <c r="B276" s="129"/>
      <c r="D276" s="169"/>
      <c r="E276" s="170"/>
      <c r="F276" s="170"/>
      <c r="G276" s="170"/>
      <c r="H276" s="170"/>
      <c r="I276" s="170"/>
      <c r="J276" s="170"/>
      <c r="K276" s="171"/>
      <c r="L276" s="172"/>
      <c r="M276" s="173"/>
      <c r="N276" s="173"/>
      <c r="O276" s="174"/>
    </row>
    <row r="277" spans="1:17" s="157" customFormat="1" ht="16.5" customHeight="1">
      <c r="A277" s="129"/>
      <c r="B277" s="129"/>
      <c r="D277" s="163"/>
      <c r="E277" s="164"/>
      <c r="F277" s="164"/>
      <c r="G277" s="164"/>
      <c r="H277" s="164"/>
      <c r="I277" s="164"/>
      <c r="J277" s="164"/>
      <c r="K277" s="165"/>
      <c r="L277" s="166"/>
      <c r="M277" s="167"/>
      <c r="N277" s="167"/>
      <c r="O277" s="168"/>
    </row>
    <row r="278" spans="1:17" s="157" customFormat="1" ht="16.5" customHeight="1">
      <c r="A278" s="129"/>
      <c r="B278" s="129"/>
      <c r="D278" s="169"/>
      <c r="E278" s="170"/>
      <c r="F278" s="170"/>
      <c r="G278" s="170"/>
      <c r="H278" s="170"/>
      <c r="I278" s="170"/>
      <c r="J278" s="170"/>
      <c r="K278" s="171"/>
      <c r="L278" s="172"/>
      <c r="M278" s="173"/>
      <c r="N278" s="173"/>
      <c r="O278" s="174"/>
    </row>
    <row r="279" spans="1:17" s="157" customFormat="1" ht="16.5" customHeight="1">
      <c r="A279" s="129"/>
      <c r="B279" s="129"/>
      <c r="D279" s="163"/>
      <c r="E279" s="164"/>
      <c r="F279" s="164"/>
      <c r="G279" s="164"/>
      <c r="H279" s="164"/>
      <c r="I279" s="164"/>
      <c r="J279" s="164"/>
      <c r="K279" s="165"/>
      <c r="L279" s="166"/>
      <c r="M279" s="167"/>
      <c r="N279" s="167"/>
      <c r="O279" s="168"/>
    </row>
    <row r="280" spans="1:17" s="157" customFormat="1" ht="16.5" customHeight="1">
      <c r="A280" s="129"/>
      <c r="B280" s="129"/>
      <c r="D280" s="169"/>
      <c r="E280" s="170"/>
      <c r="F280" s="170"/>
      <c r="G280" s="170"/>
      <c r="H280" s="170"/>
      <c r="I280" s="170"/>
      <c r="J280" s="170"/>
      <c r="K280" s="171"/>
      <c r="L280" s="172"/>
      <c r="M280" s="173"/>
      <c r="N280" s="173"/>
      <c r="O280" s="174"/>
    </row>
    <row r="281" spans="1:17" s="157" customFormat="1" ht="16.5" customHeight="1">
      <c r="A281" s="129"/>
      <c r="B281" s="129"/>
      <c r="D281" s="175"/>
      <c r="E281" s="176"/>
      <c r="F281" s="176"/>
      <c r="G281" s="176"/>
      <c r="H281" s="176"/>
      <c r="I281" s="176"/>
      <c r="J281" s="176"/>
      <c r="K281" s="177"/>
      <c r="L281" s="178"/>
      <c r="M281" s="179"/>
      <c r="N281" s="179"/>
      <c r="O281" s="180"/>
    </row>
    <row r="282" spans="1:17" s="157" customFormat="1" ht="16.5" customHeight="1">
      <c r="A282" s="129"/>
      <c r="B282" s="129"/>
      <c r="D282" s="158"/>
      <c r="E282" s="159"/>
      <c r="F282" s="159"/>
      <c r="G282" s="4"/>
      <c r="H282" s="4"/>
      <c r="I282" s="159"/>
      <c r="J282" s="159"/>
      <c r="K282" s="160"/>
      <c r="L282" s="161"/>
      <c r="M282" s="5"/>
      <c r="N282" s="5"/>
      <c r="O282" s="162"/>
    </row>
    <row r="283" spans="1:17" s="157" customFormat="1" ht="16.5" customHeight="1">
      <c r="A283" s="129"/>
      <c r="B283" s="129"/>
      <c r="D283" s="163"/>
      <c r="E283" s="164"/>
      <c r="F283" s="164"/>
      <c r="G283" s="164"/>
      <c r="H283" s="164"/>
      <c r="I283" s="164"/>
      <c r="J283" s="164"/>
      <c r="K283" s="165"/>
      <c r="L283" s="166"/>
      <c r="M283" s="167"/>
      <c r="N283" s="167"/>
      <c r="O283" s="168"/>
    </row>
    <row r="284" spans="1:17" s="157" customFormat="1" ht="16.5" customHeight="1">
      <c r="A284" s="129"/>
      <c r="B284" s="129"/>
      <c r="D284" s="169"/>
      <c r="E284" s="170"/>
      <c r="F284" s="170"/>
      <c r="G284" s="170"/>
      <c r="H284" s="170"/>
      <c r="I284" s="170"/>
      <c r="J284" s="170"/>
      <c r="K284" s="171"/>
      <c r="L284" s="172"/>
      <c r="M284" s="173"/>
      <c r="N284" s="173"/>
      <c r="O284" s="174"/>
    </row>
    <row r="285" spans="1:17" s="157" customFormat="1" ht="16.5" customHeight="1">
      <c r="A285" s="129"/>
      <c r="B285" s="129"/>
      <c r="D285" s="163"/>
      <c r="E285" s="164"/>
      <c r="F285" s="164"/>
      <c r="G285" s="164"/>
      <c r="H285" s="164"/>
      <c r="I285" s="164"/>
      <c r="J285" s="164"/>
      <c r="K285" s="165"/>
      <c r="L285" s="166"/>
      <c r="M285" s="167"/>
      <c r="N285" s="167"/>
      <c r="O285" s="168"/>
      <c r="Q285" s="200"/>
    </row>
    <row r="286" spans="1:17" s="157" customFormat="1" ht="16.5" customHeight="1">
      <c r="A286" s="129"/>
      <c r="B286" s="129"/>
      <c r="D286" s="169"/>
      <c r="E286" s="170"/>
      <c r="F286" s="170"/>
      <c r="G286" s="170"/>
      <c r="H286" s="170"/>
      <c r="I286" s="170"/>
      <c r="J286" s="170"/>
      <c r="K286" s="171"/>
      <c r="L286" s="172"/>
      <c r="M286" s="173"/>
      <c r="N286" s="173"/>
      <c r="O286" s="174"/>
    </row>
    <row r="287" spans="1:17" s="157" customFormat="1" ht="16.5" customHeight="1">
      <c r="A287" s="129"/>
      <c r="B287" s="129"/>
      <c r="D287" s="163"/>
      <c r="E287" s="164"/>
      <c r="F287" s="164"/>
      <c r="G287" s="164"/>
      <c r="H287" s="164"/>
      <c r="I287" s="164"/>
      <c r="J287" s="164"/>
      <c r="K287" s="165"/>
      <c r="L287" s="166"/>
      <c r="M287" s="167"/>
      <c r="N287" s="167"/>
      <c r="O287" s="168"/>
      <c r="Q287" s="200"/>
    </row>
    <row r="288" spans="1:17" s="157" customFormat="1" ht="16.5" customHeight="1">
      <c r="A288" s="129"/>
      <c r="B288" s="129"/>
      <c r="D288" s="169"/>
      <c r="E288" s="170"/>
      <c r="F288" s="170"/>
      <c r="G288" s="170"/>
      <c r="H288" s="170"/>
      <c r="I288" s="170"/>
      <c r="J288" s="170"/>
      <c r="K288" s="171"/>
      <c r="L288" s="172"/>
      <c r="M288" s="173"/>
      <c r="N288" s="173"/>
      <c r="O288" s="174"/>
    </row>
    <row r="289" spans="1:17" s="157" customFormat="1" ht="16.5" customHeight="1">
      <c r="A289" s="129"/>
      <c r="B289" s="129"/>
      <c r="D289" s="163"/>
      <c r="E289" s="164"/>
      <c r="F289" s="164"/>
      <c r="G289" s="164"/>
      <c r="H289" s="164"/>
      <c r="I289" s="164"/>
      <c r="J289" s="164"/>
      <c r="K289" s="165"/>
      <c r="L289" s="166"/>
      <c r="M289" s="167"/>
      <c r="N289" s="167"/>
      <c r="O289" s="168"/>
    </row>
    <row r="290" spans="1:17" s="157" customFormat="1" ht="16.5" customHeight="1">
      <c r="A290" s="129"/>
      <c r="B290" s="129"/>
      <c r="D290" s="169"/>
      <c r="E290" s="170"/>
      <c r="F290" s="170"/>
      <c r="G290" s="170"/>
      <c r="H290" s="170"/>
      <c r="I290" s="170"/>
      <c r="J290" s="170"/>
      <c r="K290" s="171"/>
      <c r="L290" s="172"/>
      <c r="M290" s="173"/>
      <c r="N290" s="173"/>
      <c r="O290" s="174"/>
    </row>
    <row r="291" spans="1:17" s="157" customFormat="1" ht="16.5" customHeight="1">
      <c r="A291" s="129"/>
      <c r="B291" s="129"/>
      <c r="D291" s="163"/>
      <c r="E291" s="164"/>
      <c r="F291" s="164"/>
      <c r="G291" s="164"/>
      <c r="H291" s="164"/>
      <c r="I291" s="164"/>
      <c r="J291" s="164"/>
      <c r="K291" s="165"/>
      <c r="L291" s="166"/>
      <c r="M291" s="167"/>
      <c r="N291" s="167"/>
      <c r="O291" s="168"/>
      <c r="Q291" s="200"/>
    </row>
    <row r="292" spans="1:17" s="157" customFormat="1" ht="16.5" customHeight="1">
      <c r="A292" s="129"/>
      <c r="B292" s="129"/>
      <c r="D292" s="169"/>
      <c r="E292" s="170"/>
      <c r="F292" s="170"/>
      <c r="G292" s="170"/>
      <c r="H292" s="170"/>
      <c r="I292" s="170"/>
      <c r="J292" s="170"/>
      <c r="K292" s="171"/>
      <c r="L292" s="172"/>
      <c r="M292" s="173"/>
      <c r="N292" s="173"/>
      <c r="O292" s="174"/>
    </row>
    <row r="293" spans="1:17" s="157" customFormat="1" ht="16.5" customHeight="1">
      <c r="A293" s="129"/>
      <c r="B293" s="129"/>
      <c r="D293" s="163"/>
      <c r="E293" s="164"/>
      <c r="F293" s="164"/>
      <c r="G293" s="164"/>
      <c r="H293" s="164"/>
      <c r="I293" s="164"/>
      <c r="J293" s="164"/>
      <c r="K293" s="165"/>
      <c r="L293" s="166"/>
      <c r="M293" s="167"/>
      <c r="N293" s="167"/>
      <c r="O293" s="168"/>
      <c r="Q293" s="200"/>
    </row>
    <row r="294" spans="1:17" s="201" customFormat="1" ht="16.5" customHeight="1">
      <c r="A294" s="129"/>
      <c r="B294" s="129"/>
      <c r="D294" s="169"/>
      <c r="E294" s="170"/>
      <c r="F294" s="170"/>
      <c r="G294" s="170"/>
      <c r="H294" s="170"/>
      <c r="I294" s="170"/>
      <c r="J294" s="170"/>
      <c r="K294" s="171"/>
      <c r="L294" s="172"/>
      <c r="M294" s="173"/>
      <c r="N294" s="173"/>
      <c r="O294" s="174"/>
    </row>
    <row r="295" spans="1:17" s="202" customFormat="1" ht="16.5" customHeight="1">
      <c r="A295" s="129"/>
      <c r="B295" s="129"/>
      <c r="D295" s="163"/>
      <c r="E295" s="164"/>
      <c r="F295" s="164"/>
      <c r="G295" s="164"/>
      <c r="H295" s="164"/>
      <c r="I295" s="164"/>
      <c r="J295" s="164"/>
      <c r="K295" s="165"/>
      <c r="L295" s="166"/>
      <c r="M295" s="167"/>
      <c r="N295" s="167"/>
      <c r="O295" s="168"/>
    </row>
    <row r="296" spans="1:17" s="157" customFormat="1" ht="16.5" customHeight="1">
      <c r="A296" s="129"/>
      <c r="B296" s="129"/>
      <c r="D296" s="169"/>
      <c r="E296" s="170"/>
      <c r="F296" s="170"/>
      <c r="G296" s="170"/>
      <c r="H296" s="170"/>
      <c r="I296" s="170"/>
      <c r="J296" s="170"/>
      <c r="K296" s="171"/>
      <c r="L296" s="172"/>
      <c r="M296" s="173"/>
      <c r="N296" s="173"/>
      <c r="O296" s="174"/>
    </row>
    <row r="297" spans="1:17" s="157" customFormat="1" ht="16.5" customHeight="1">
      <c r="A297" s="129"/>
      <c r="B297" s="129"/>
      <c r="D297" s="163"/>
      <c r="E297" s="164"/>
      <c r="F297" s="164"/>
      <c r="G297" s="164"/>
      <c r="H297" s="164"/>
      <c r="I297" s="164"/>
      <c r="J297" s="164"/>
      <c r="K297" s="165"/>
      <c r="L297" s="166"/>
      <c r="M297" s="167"/>
      <c r="N297" s="167"/>
      <c r="O297" s="168"/>
    </row>
    <row r="298" spans="1:17" s="157" customFormat="1" ht="16.5" customHeight="1">
      <c r="A298" s="129"/>
      <c r="B298" s="129"/>
      <c r="D298" s="169"/>
      <c r="E298" s="170"/>
      <c r="F298" s="170"/>
      <c r="G298" s="170"/>
      <c r="H298" s="170"/>
      <c r="I298" s="170"/>
      <c r="J298" s="170"/>
      <c r="K298" s="171"/>
      <c r="L298" s="172"/>
      <c r="M298" s="173"/>
      <c r="N298" s="173"/>
      <c r="O298" s="174"/>
    </row>
    <row r="299" spans="1:17" s="157" customFormat="1" ht="16.5" customHeight="1">
      <c r="A299" s="129"/>
      <c r="B299" s="129"/>
      <c r="D299" s="163"/>
      <c r="E299" s="164"/>
      <c r="F299" s="164"/>
      <c r="G299" s="164"/>
      <c r="H299" s="164"/>
      <c r="I299" s="164"/>
      <c r="J299" s="164"/>
      <c r="K299" s="165"/>
      <c r="L299" s="166"/>
      <c r="M299" s="167"/>
      <c r="N299" s="167"/>
      <c r="O299" s="168"/>
    </row>
    <row r="300" spans="1:17" s="157" customFormat="1" ht="16.5" customHeight="1">
      <c r="A300" s="129"/>
      <c r="B300" s="129"/>
      <c r="D300" s="169"/>
      <c r="E300" s="170"/>
      <c r="F300" s="170"/>
      <c r="G300" s="170"/>
      <c r="H300" s="170"/>
      <c r="I300" s="170"/>
      <c r="J300" s="170"/>
      <c r="K300" s="171"/>
      <c r="L300" s="172"/>
      <c r="M300" s="173"/>
      <c r="N300" s="173"/>
      <c r="O300" s="174"/>
    </row>
    <row r="301" spans="1:17" s="157" customFormat="1" ht="16.5" customHeight="1">
      <c r="A301" s="129"/>
      <c r="B301" s="129"/>
      <c r="D301" s="163"/>
      <c r="E301" s="164"/>
      <c r="F301" s="164"/>
      <c r="G301" s="164"/>
      <c r="H301" s="164"/>
      <c r="I301" s="164"/>
      <c r="J301" s="164"/>
      <c r="K301" s="165"/>
      <c r="L301" s="166"/>
      <c r="M301" s="167"/>
      <c r="N301" s="167"/>
      <c r="O301" s="168"/>
    </row>
    <row r="302" spans="1:17" s="157" customFormat="1" ht="16.5" customHeight="1">
      <c r="A302" s="129"/>
      <c r="B302" s="129"/>
      <c r="D302" s="169"/>
      <c r="E302" s="170"/>
      <c r="F302" s="170"/>
      <c r="G302" s="170"/>
      <c r="H302" s="170"/>
      <c r="I302" s="170"/>
      <c r="J302" s="170"/>
      <c r="K302" s="171"/>
      <c r="L302" s="172"/>
      <c r="M302" s="173"/>
      <c r="N302" s="173"/>
      <c r="O302" s="174"/>
    </row>
    <row r="303" spans="1:17" s="157" customFormat="1" ht="16.5" customHeight="1">
      <c r="A303" s="129"/>
      <c r="B303" s="129"/>
      <c r="D303" s="163"/>
      <c r="E303" s="164"/>
      <c r="F303" s="164"/>
      <c r="G303" s="164"/>
      <c r="H303" s="164"/>
      <c r="I303" s="164"/>
      <c r="J303" s="164"/>
      <c r="K303" s="165"/>
      <c r="L303" s="166"/>
      <c r="M303" s="167"/>
      <c r="N303" s="167"/>
      <c r="O303" s="168"/>
    </row>
    <row r="304" spans="1:17" s="157" customFormat="1" ht="16.5" customHeight="1">
      <c r="A304" s="129"/>
      <c r="B304" s="129"/>
      <c r="D304" s="169"/>
      <c r="E304" s="170"/>
      <c r="F304" s="170"/>
      <c r="G304" s="170"/>
      <c r="H304" s="170"/>
      <c r="I304" s="170"/>
      <c r="J304" s="170"/>
      <c r="K304" s="171"/>
      <c r="L304" s="172"/>
      <c r="M304" s="173"/>
      <c r="N304" s="173"/>
      <c r="O304" s="174"/>
    </row>
    <row r="305" spans="1:17" s="157" customFormat="1" ht="16.5" customHeight="1">
      <c r="A305" s="129"/>
      <c r="B305" s="129"/>
      <c r="D305" s="163"/>
      <c r="E305" s="164"/>
      <c r="F305" s="164"/>
      <c r="G305" s="164"/>
      <c r="H305" s="164"/>
      <c r="I305" s="164"/>
      <c r="J305" s="164"/>
      <c r="K305" s="165"/>
      <c r="L305" s="166"/>
      <c r="M305" s="167"/>
      <c r="N305" s="167"/>
      <c r="O305" s="168"/>
    </row>
    <row r="306" spans="1:17" s="157" customFormat="1" ht="16.5" customHeight="1">
      <c r="A306" s="129"/>
      <c r="B306" s="129"/>
      <c r="D306" s="169"/>
      <c r="E306" s="170"/>
      <c r="F306" s="170"/>
      <c r="G306" s="170"/>
      <c r="H306" s="170"/>
      <c r="I306" s="170"/>
      <c r="J306" s="170"/>
      <c r="K306" s="171"/>
      <c r="L306" s="172"/>
      <c r="M306" s="173"/>
      <c r="N306" s="173"/>
      <c r="O306" s="174"/>
    </row>
    <row r="307" spans="1:17" s="157" customFormat="1" ht="16.5" customHeight="1">
      <c r="A307" s="129"/>
      <c r="B307" s="129"/>
      <c r="D307" s="163"/>
      <c r="E307" s="164"/>
      <c r="F307" s="164"/>
      <c r="G307" s="164"/>
      <c r="H307" s="164"/>
      <c r="I307" s="164"/>
      <c r="J307" s="164"/>
      <c r="K307" s="165"/>
      <c r="L307" s="166"/>
      <c r="M307" s="167"/>
      <c r="N307" s="167"/>
      <c r="O307" s="168"/>
    </row>
    <row r="308" spans="1:17" s="157" customFormat="1" ht="16.5" customHeight="1">
      <c r="A308" s="129"/>
      <c r="B308" s="129"/>
      <c r="D308" s="169"/>
      <c r="E308" s="170"/>
      <c r="F308" s="170"/>
      <c r="G308" s="170"/>
      <c r="H308" s="170"/>
      <c r="I308" s="170"/>
      <c r="J308" s="170"/>
      <c r="K308" s="171"/>
      <c r="L308" s="172"/>
      <c r="M308" s="173"/>
      <c r="N308" s="173"/>
      <c r="O308" s="174"/>
    </row>
    <row r="309" spans="1:17" s="157" customFormat="1" ht="16.5" customHeight="1">
      <c r="A309" s="129"/>
      <c r="B309" s="129"/>
      <c r="D309" s="163"/>
      <c r="E309" s="164"/>
      <c r="F309" s="164"/>
      <c r="G309" s="164"/>
      <c r="H309" s="164"/>
      <c r="I309" s="164"/>
      <c r="J309" s="164"/>
      <c r="K309" s="165"/>
      <c r="L309" s="166"/>
      <c r="M309" s="167"/>
      <c r="N309" s="167"/>
      <c r="O309" s="168"/>
    </row>
    <row r="310" spans="1:17" s="157" customFormat="1" ht="16.5" customHeight="1">
      <c r="A310" s="129"/>
      <c r="B310" s="129"/>
      <c r="D310" s="169"/>
      <c r="E310" s="170"/>
      <c r="F310" s="170"/>
      <c r="G310" s="170"/>
      <c r="H310" s="170"/>
      <c r="I310" s="170"/>
      <c r="J310" s="170"/>
      <c r="K310" s="171"/>
      <c r="L310" s="172"/>
      <c r="M310" s="173"/>
      <c r="N310" s="173"/>
      <c r="O310" s="174"/>
    </row>
    <row r="311" spans="1:17" s="157" customFormat="1" ht="16.5" customHeight="1">
      <c r="A311" s="129"/>
      <c r="B311" s="129"/>
      <c r="D311" s="175"/>
      <c r="E311" s="176"/>
      <c r="F311" s="176"/>
      <c r="G311" s="176"/>
      <c r="H311" s="176"/>
      <c r="I311" s="176"/>
      <c r="J311" s="176"/>
      <c r="K311" s="177"/>
      <c r="L311" s="178"/>
      <c r="M311" s="179"/>
      <c r="N311" s="179"/>
      <c r="O311" s="180"/>
    </row>
    <row r="312" spans="1:17" s="157" customFormat="1" ht="16.5" customHeight="1">
      <c r="A312" s="129"/>
      <c r="B312" s="129"/>
      <c r="D312" s="158"/>
      <c r="E312" s="159"/>
      <c r="F312" s="159"/>
      <c r="G312" s="4"/>
      <c r="H312" s="4"/>
      <c r="I312" s="159"/>
      <c r="J312" s="159"/>
      <c r="K312" s="160"/>
      <c r="L312" s="161"/>
      <c r="M312" s="5"/>
      <c r="N312" s="5"/>
      <c r="O312" s="162"/>
    </row>
    <row r="313" spans="1:17" s="157" customFormat="1" ht="16.5" customHeight="1">
      <c r="A313" s="129"/>
      <c r="B313" s="129"/>
      <c r="D313" s="163"/>
      <c r="E313" s="164"/>
      <c r="F313" s="164"/>
      <c r="G313" s="164"/>
      <c r="H313" s="164"/>
      <c r="I313" s="164"/>
      <c r="J313" s="164"/>
      <c r="K313" s="165"/>
      <c r="L313" s="166"/>
      <c r="M313" s="167"/>
      <c r="N313" s="167"/>
      <c r="O313" s="168"/>
    </row>
    <row r="314" spans="1:17" s="157" customFormat="1" ht="16.5" customHeight="1">
      <c r="A314" s="129"/>
      <c r="B314" s="129"/>
      <c r="D314" s="169"/>
      <c r="E314" s="170"/>
      <c r="F314" s="170"/>
      <c r="G314" s="170"/>
      <c r="H314" s="170"/>
      <c r="I314" s="170"/>
      <c r="J314" s="170"/>
      <c r="K314" s="171"/>
      <c r="L314" s="172"/>
      <c r="M314" s="173"/>
      <c r="N314" s="173"/>
      <c r="O314" s="174"/>
    </row>
    <row r="315" spans="1:17" s="157" customFormat="1" ht="16.5" customHeight="1">
      <c r="A315" s="129"/>
      <c r="B315" s="129"/>
      <c r="D315" s="163"/>
      <c r="E315" s="164"/>
      <c r="F315" s="164"/>
      <c r="G315" s="164"/>
      <c r="H315" s="164"/>
      <c r="I315" s="164"/>
      <c r="J315" s="164"/>
      <c r="K315" s="165"/>
      <c r="L315" s="166"/>
      <c r="M315" s="167"/>
      <c r="N315" s="167"/>
      <c r="O315" s="168"/>
      <c r="Q315" s="200"/>
    </row>
    <row r="316" spans="1:17" s="157" customFormat="1" ht="16.5" customHeight="1">
      <c r="A316" s="129"/>
      <c r="B316" s="129"/>
      <c r="D316" s="169"/>
      <c r="E316" s="170"/>
      <c r="F316" s="170"/>
      <c r="G316" s="170"/>
      <c r="H316" s="170"/>
      <c r="I316" s="170"/>
      <c r="J316" s="170"/>
      <c r="K316" s="171"/>
      <c r="L316" s="172"/>
      <c r="M316" s="173"/>
      <c r="N316" s="173"/>
      <c r="O316" s="174"/>
    </row>
    <row r="317" spans="1:17" s="157" customFormat="1" ht="16.5" customHeight="1">
      <c r="A317" s="129"/>
      <c r="B317" s="129"/>
      <c r="D317" s="163"/>
      <c r="E317" s="164"/>
      <c r="F317" s="164"/>
      <c r="G317" s="164"/>
      <c r="H317" s="164"/>
      <c r="I317" s="164"/>
      <c r="J317" s="164"/>
      <c r="K317" s="165"/>
      <c r="L317" s="166"/>
      <c r="M317" s="167"/>
      <c r="N317" s="167"/>
      <c r="O317" s="168"/>
      <c r="Q317" s="200"/>
    </row>
    <row r="318" spans="1:17" s="157" customFormat="1" ht="16.5" customHeight="1">
      <c r="A318" s="129"/>
      <c r="B318" s="129"/>
      <c r="D318" s="169"/>
      <c r="E318" s="170"/>
      <c r="F318" s="170"/>
      <c r="G318" s="170"/>
      <c r="H318" s="170"/>
      <c r="I318" s="170"/>
      <c r="J318" s="170"/>
      <c r="K318" s="171"/>
      <c r="L318" s="172"/>
      <c r="M318" s="173"/>
      <c r="N318" s="173"/>
      <c r="O318" s="174"/>
    </row>
    <row r="319" spans="1:17" s="157" customFormat="1" ht="16.5" customHeight="1">
      <c r="A319" s="129"/>
      <c r="B319" s="129"/>
      <c r="D319" s="163"/>
      <c r="E319" s="164"/>
      <c r="F319" s="164"/>
      <c r="G319" s="164"/>
      <c r="H319" s="164"/>
      <c r="I319" s="164"/>
      <c r="J319" s="164"/>
      <c r="K319" s="165"/>
      <c r="L319" s="166"/>
      <c r="M319" s="167"/>
      <c r="N319" s="167"/>
      <c r="O319" s="168"/>
    </row>
    <row r="320" spans="1:17" s="157" customFormat="1" ht="16.5" customHeight="1">
      <c r="A320" s="129"/>
      <c r="B320" s="129"/>
      <c r="D320" s="169"/>
      <c r="E320" s="170"/>
      <c r="F320" s="170"/>
      <c r="G320" s="170"/>
      <c r="H320" s="170"/>
      <c r="I320" s="170"/>
      <c r="J320" s="170"/>
      <c r="K320" s="171"/>
      <c r="L320" s="172"/>
      <c r="M320" s="173"/>
      <c r="N320" s="173"/>
      <c r="O320" s="174"/>
    </row>
    <row r="321" spans="1:17" s="157" customFormat="1" ht="16.5" customHeight="1">
      <c r="A321" s="129"/>
      <c r="B321" s="129"/>
      <c r="D321" s="163"/>
      <c r="E321" s="164"/>
      <c r="F321" s="164"/>
      <c r="G321" s="164"/>
      <c r="H321" s="164"/>
      <c r="I321" s="164"/>
      <c r="J321" s="164"/>
      <c r="K321" s="165"/>
      <c r="L321" s="166"/>
      <c r="M321" s="167"/>
      <c r="N321" s="167"/>
      <c r="O321" s="168"/>
      <c r="Q321" s="200"/>
    </row>
    <row r="322" spans="1:17" s="157" customFormat="1" ht="16.5" customHeight="1">
      <c r="A322" s="129"/>
      <c r="B322" s="129"/>
      <c r="D322" s="169"/>
      <c r="E322" s="170"/>
      <c r="F322" s="170"/>
      <c r="G322" s="170"/>
      <c r="H322" s="170"/>
      <c r="I322" s="170"/>
      <c r="J322" s="170"/>
      <c r="K322" s="171"/>
      <c r="L322" s="172"/>
      <c r="M322" s="173"/>
      <c r="N322" s="173"/>
      <c r="O322" s="174"/>
    </row>
    <row r="323" spans="1:17" s="157" customFormat="1" ht="16.5" customHeight="1">
      <c r="A323" s="129"/>
      <c r="B323" s="129"/>
      <c r="D323" s="163"/>
      <c r="E323" s="164"/>
      <c r="F323" s="164"/>
      <c r="G323" s="164"/>
      <c r="H323" s="164"/>
      <c r="I323" s="164"/>
      <c r="J323" s="164"/>
      <c r="K323" s="165"/>
      <c r="L323" s="166"/>
      <c r="M323" s="167"/>
      <c r="N323" s="167"/>
      <c r="O323" s="168"/>
      <c r="Q323" s="200"/>
    </row>
    <row r="324" spans="1:17" s="201" customFormat="1" ht="16.5" customHeight="1">
      <c r="A324" s="129"/>
      <c r="B324" s="129"/>
      <c r="D324" s="169"/>
      <c r="E324" s="170"/>
      <c r="F324" s="170"/>
      <c r="G324" s="170"/>
      <c r="H324" s="170"/>
      <c r="I324" s="170"/>
      <c r="J324" s="170"/>
      <c r="K324" s="171"/>
      <c r="L324" s="172"/>
      <c r="M324" s="173"/>
      <c r="N324" s="173"/>
      <c r="O324" s="174"/>
    </row>
    <row r="325" spans="1:17" s="202" customFormat="1" ht="16.5" customHeight="1">
      <c r="A325" s="129"/>
      <c r="B325" s="129"/>
      <c r="D325" s="163"/>
      <c r="E325" s="164"/>
      <c r="F325" s="164"/>
      <c r="G325" s="164"/>
      <c r="H325" s="164"/>
      <c r="I325" s="164"/>
      <c r="J325" s="164"/>
      <c r="K325" s="165"/>
      <c r="L325" s="166"/>
      <c r="M325" s="167"/>
      <c r="N325" s="167"/>
      <c r="O325" s="168"/>
    </row>
    <row r="326" spans="1:17" s="157" customFormat="1" ht="16.5" customHeight="1">
      <c r="A326" s="129"/>
      <c r="B326" s="129"/>
      <c r="D326" s="169"/>
      <c r="E326" s="170"/>
      <c r="F326" s="170"/>
      <c r="G326" s="170"/>
      <c r="H326" s="170"/>
      <c r="I326" s="170"/>
      <c r="J326" s="170"/>
      <c r="K326" s="171"/>
      <c r="L326" s="172"/>
      <c r="M326" s="173"/>
      <c r="N326" s="173"/>
      <c r="O326" s="174"/>
    </row>
    <row r="327" spans="1:17" s="157" customFormat="1" ht="16.5" customHeight="1">
      <c r="A327" s="129"/>
      <c r="B327" s="129"/>
      <c r="D327" s="163"/>
      <c r="E327" s="164"/>
      <c r="F327" s="164"/>
      <c r="G327" s="164"/>
      <c r="H327" s="164"/>
      <c r="I327" s="164"/>
      <c r="J327" s="164"/>
      <c r="K327" s="165"/>
      <c r="L327" s="166"/>
      <c r="M327" s="167"/>
      <c r="N327" s="167"/>
      <c r="O327" s="168"/>
    </row>
    <row r="328" spans="1:17" s="157" customFormat="1" ht="16.5" customHeight="1">
      <c r="A328" s="129"/>
      <c r="B328" s="129"/>
      <c r="D328" s="169"/>
      <c r="E328" s="170"/>
      <c r="F328" s="170"/>
      <c r="G328" s="170"/>
      <c r="H328" s="170"/>
      <c r="I328" s="170"/>
      <c r="J328" s="170"/>
      <c r="K328" s="171"/>
      <c r="L328" s="172"/>
      <c r="M328" s="173"/>
      <c r="N328" s="173"/>
      <c r="O328" s="174"/>
    </row>
    <row r="329" spans="1:17" s="157" customFormat="1" ht="16.5" customHeight="1">
      <c r="A329" s="129"/>
      <c r="B329" s="129"/>
      <c r="D329" s="163"/>
      <c r="E329" s="164"/>
      <c r="F329" s="164"/>
      <c r="G329" s="164"/>
      <c r="H329" s="164"/>
      <c r="I329" s="164"/>
      <c r="J329" s="164"/>
      <c r="K329" s="165"/>
      <c r="L329" s="166"/>
      <c r="M329" s="167"/>
      <c r="N329" s="167"/>
      <c r="O329" s="168"/>
    </row>
    <row r="330" spans="1:17" s="157" customFormat="1" ht="16.5" customHeight="1">
      <c r="A330" s="129"/>
      <c r="B330" s="129"/>
      <c r="D330" s="169"/>
      <c r="E330" s="170"/>
      <c r="F330" s="170"/>
      <c r="G330" s="170"/>
      <c r="H330" s="170"/>
      <c r="I330" s="170"/>
      <c r="J330" s="170"/>
      <c r="K330" s="171"/>
      <c r="L330" s="172"/>
      <c r="M330" s="173"/>
      <c r="N330" s="173"/>
      <c r="O330" s="174"/>
    </row>
    <row r="331" spans="1:17" s="157" customFormat="1" ht="16.5" customHeight="1">
      <c r="A331" s="129"/>
      <c r="B331" s="129"/>
      <c r="D331" s="163"/>
      <c r="E331" s="164"/>
      <c r="F331" s="164"/>
      <c r="G331" s="164"/>
      <c r="H331" s="164"/>
      <c r="I331" s="164"/>
      <c r="J331" s="164"/>
      <c r="K331" s="165"/>
      <c r="L331" s="166"/>
      <c r="M331" s="167"/>
      <c r="N331" s="167"/>
      <c r="O331" s="168"/>
    </row>
    <row r="332" spans="1:17" s="157" customFormat="1" ht="16.5" customHeight="1">
      <c r="A332" s="129"/>
      <c r="B332" s="129"/>
      <c r="D332" s="169"/>
      <c r="E332" s="170"/>
      <c r="F332" s="170"/>
      <c r="G332" s="170"/>
      <c r="H332" s="170"/>
      <c r="I332" s="170"/>
      <c r="J332" s="170"/>
      <c r="K332" s="171"/>
      <c r="L332" s="172"/>
      <c r="M332" s="173"/>
      <c r="N332" s="173"/>
      <c r="O332" s="174"/>
    </row>
    <row r="333" spans="1:17" s="157" customFormat="1" ht="16.5" customHeight="1">
      <c r="A333" s="129"/>
      <c r="B333" s="129"/>
      <c r="D333" s="163"/>
      <c r="E333" s="164"/>
      <c r="F333" s="164"/>
      <c r="G333" s="164"/>
      <c r="H333" s="164"/>
      <c r="I333" s="164"/>
      <c r="J333" s="164"/>
      <c r="K333" s="165"/>
      <c r="L333" s="166"/>
      <c r="M333" s="167"/>
      <c r="N333" s="167"/>
      <c r="O333" s="168"/>
    </row>
    <row r="334" spans="1:17" s="157" customFormat="1" ht="16.5" customHeight="1">
      <c r="A334" s="129"/>
      <c r="B334" s="129"/>
      <c r="D334" s="169"/>
      <c r="E334" s="170"/>
      <c r="F334" s="170"/>
      <c r="G334" s="170"/>
      <c r="H334" s="170"/>
      <c r="I334" s="170"/>
      <c r="J334" s="170"/>
      <c r="K334" s="171"/>
      <c r="L334" s="172"/>
      <c r="M334" s="173"/>
      <c r="N334" s="173"/>
      <c r="O334" s="174"/>
    </row>
    <row r="335" spans="1:17" s="157" customFormat="1" ht="16.5" customHeight="1">
      <c r="A335" s="129"/>
      <c r="B335" s="129"/>
      <c r="D335" s="163"/>
      <c r="E335" s="164"/>
      <c r="F335" s="164"/>
      <c r="G335" s="164"/>
      <c r="H335" s="164"/>
      <c r="I335" s="164"/>
      <c r="J335" s="164"/>
      <c r="K335" s="165"/>
      <c r="L335" s="166"/>
      <c r="M335" s="167"/>
      <c r="N335" s="167"/>
      <c r="O335" s="168"/>
    </row>
    <row r="336" spans="1:17" s="157" customFormat="1" ht="16.5" customHeight="1">
      <c r="A336" s="129"/>
      <c r="B336" s="129"/>
      <c r="D336" s="169"/>
      <c r="E336" s="170"/>
      <c r="F336" s="170"/>
      <c r="G336" s="170"/>
      <c r="H336" s="170"/>
      <c r="I336" s="170"/>
      <c r="J336" s="170"/>
      <c r="K336" s="171"/>
      <c r="L336" s="172"/>
      <c r="M336" s="173"/>
      <c r="N336" s="173"/>
      <c r="O336" s="174"/>
    </row>
    <row r="337" spans="1:17" s="157" customFormat="1" ht="16.5" customHeight="1">
      <c r="A337" s="129"/>
      <c r="B337" s="129"/>
      <c r="D337" s="163"/>
      <c r="E337" s="164"/>
      <c r="F337" s="164"/>
      <c r="G337" s="164"/>
      <c r="H337" s="164"/>
      <c r="I337" s="164"/>
      <c r="J337" s="164"/>
      <c r="K337" s="165"/>
      <c r="L337" s="166"/>
      <c r="M337" s="167"/>
      <c r="N337" s="167"/>
      <c r="O337" s="168"/>
    </row>
    <row r="338" spans="1:17" s="157" customFormat="1" ht="16.5" customHeight="1">
      <c r="A338" s="129"/>
      <c r="B338" s="129"/>
      <c r="D338" s="169"/>
      <c r="E338" s="170"/>
      <c r="F338" s="170"/>
      <c r="G338" s="170"/>
      <c r="H338" s="170"/>
      <c r="I338" s="170"/>
      <c r="J338" s="170"/>
      <c r="K338" s="171"/>
      <c r="L338" s="172"/>
      <c r="M338" s="173"/>
      <c r="N338" s="173"/>
      <c r="O338" s="174"/>
    </row>
    <row r="339" spans="1:17" s="157" customFormat="1" ht="16.5" customHeight="1">
      <c r="A339" s="129"/>
      <c r="B339" s="129"/>
      <c r="D339" s="163"/>
      <c r="E339" s="164"/>
      <c r="F339" s="164"/>
      <c r="G339" s="164"/>
      <c r="H339" s="164"/>
      <c r="I339" s="164"/>
      <c r="J339" s="164"/>
      <c r="K339" s="165"/>
      <c r="L339" s="166"/>
      <c r="M339" s="167"/>
      <c r="N339" s="167"/>
      <c r="O339" s="168"/>
    </row>
    <row r="340" spans="1:17" s="157" customFormat="1" ht="16.5" customHeight="1">
      <c r="A340" s="129"/>
      <c r="B340" s="129"/>
      <c r="D340" s="169"/>
      <c r="E340" s="170"/>
      <c r="F340" s="170"/>
      <c r="G340" s="170"/>
      <c r="H340" s="170"/>
      <c r="I340" s="170"/>
      <c r="J340" s="170"/>
      <c r="K340" s="171"/>
      <c r="L340" s="172"/>
      <c r="M340" s="173"/>
      <c r="N340" s="173"/>
      <c r="O340" s="174"/>
    </row>
    <row r="341" spans="1:17" s="157" customFormat="1" ht="16.5" customHeight="1">
      <c r="A341" s="129"/>
      <c r="B341" s="129"/>
      <c r="D341" s="175"/>
      <c r="E341" s="176"/>
      <c r="F341" s="176"/>
      <c r="G341" s="176"/>
      <c r="H341" s="176"/>
      <c r="I341" s="176"/>
      <c r="J341" s="176"/>
      <c r="K341" s="177"/>
      <c r="L341" s="178"/>
      <c r="M341" s="179"/>
      <c r="N341" s="179"/>
      <c r="O341" s="180"/>
    </row>
    <row r="342" spans="1:17" s="157" customFormat="1" ht="16.5" customHeight="1">
      <c r="A342" s="129"/>
      <c r="B342" s="129"/>
      <c r="D342" s="158"/>
      <c r="E342" s="159"/>
      <c r="F342" s="159"/>
      <c r="G342" s="4"/>
      <c r="H342" s="4"/>
      <c r="I342" s="159"/>
      <c r="J342" s="159"/>
      <c r="K342" s="160"/>
      <c r="L342" s="161"/>
      <c r="M342" s="5"/>
      <c r="N342" s="5"/>
      <c r="O342" s="162"/>
    </row>
    <row r="343" spans="1:17" s="157" customFormat="1" ht="16.5" customHeight="1">
      <c r="A343" s="129"/>
      <c r="B343" s="129"/>
      <c r="D343" s="163"/>
      <c r="E343" s="164"/>
      <c r="F343" s="164"/>
      <c r="G343" s="164"/>
      <c r="H343" s="164"/>
      <c r="I343" s="164"/>
      <c r="J343" s="164"/>
      <c r="K343" s="165"/>
      <c r="L343" s="166"/>
      <c r="M343" s="167"/>
      <c r="N343" s="167"/>
      <c r="O343" s="168"/>
    </row>
    <row r="344" spans="1:17" s="157" customFormat="1" ht="16.5" customHeight="1">
      <c r="A344" s="129"/>
      <c r="B344" s="129"/>
      <c r="D344" s="169"/>
      <c r="E344" s="170"/>
      <c r="F344" s="170"/>
      <c r="G344" s="170"/>
      <c r="H344" s="170"/>
      <c r="I344" s="170"/>
      <c r="J344" s="170"/>
      <c r="K344" s="171"/>
      <c r="L344" s="172"/>
      <c r="M344" s="173"/>
      <c r="N344" s="173"/>
      <c r="O344" s="174"/>
    </row>
    <row r="345" spans="1:17" s="157" customFormat="1" ht="16.5" customHeight="1">
      <c r="A345" s="129"/>
      <c r="B345" s="129"/>
      <c r="D345" s="163"/>
      <c r="E345" s="164"/>
      <c r="F345" s="164"/>
      <c r="G345" s="164"/>
      <c r="H345" s="164"/>
      <c r="I345" s="164"/>
      <c r="J345" s="164"/>
      <c r="K345" s="165"/>
      <c r="L345" s="166"/>
      <c r="M345" s="167"/>
      <c r="N345" s="167"/>
      <c r="O345" s="168"/>
      <c r="Q345" s="200"/>
    </row>
    <row r="346" spans="1:17" s="157" customFormat="1" ht="16.5" customHeight="1">
      <c r="A346" s="129"/>
      <c r="B346" s="129"/>
      <c r="D346" s="169"/>
      <c r="E346" s="170"/>
      <c r="F346" s="170"/>
      <c r="G346" s="170"/>
      <c r="H346" s="170"/>
      <c r="I346" s="170"/>
      <c r="J346" s="170"/>
      <c r="K346" s="171"/>
      <c r="L346" s="172"/>
      <c r="M346" s="173"/>
      <c r="N346" s="173"/>
      <c r="O346" s="174"/>
    </row>
    <row r="347" spans="1:17" s="157" customFormat="1" ht="16.5" customHeight="1">
      <c r="A347" s="129"/>
      <c r="B347" s="129"/>
      <c r="D347" s="163"/>
      <c r="E347" s="164"/>
      <c r="F347" s="164"/>
      <c r="G347" s="164"/>
      <c r="H347" s="164"/>
      <c r="I347" s="164"/>
      <c r="J347" s="164"/>
      <c r="K347" s="165"/>
      <c r="L347" s="166"/>
      <c r="M347" s="167"/>
      <c r="N347" s="167"/>
      <c r="O347" s="168"/>
      <c r="Q347" s="200"/>
    </row>
    <row r="348" spans="1:17" s="157" customFormat="1" ht="16.5" customHeight="1">
      <c r="A348" s="129"/>
      <c r="B348" s="129"/>
      <c r="D348" s="169"/>
      <c r="E348" s="170"/>
      <c r="F348" s="170"/>
      <c r="G348" s="170"/>
      <c r="H348" s="170"/>
      <c r="I348" s="170"/>
      <c r="J348" s="170"/>
      <c r="K348" s="171"/>
      <c r="L348" s="172"/>
      <c r="M348" s="173"/>
      <c r="N348" s="173"/>
      <c r="O348" s="174"/>
    </row>
    <row r="349" spans="1:17" s="157" customFormat="1" ht="16.5" customHeight="1">
      <c r="A349" s="129"/>
      <c r="B349" s="129"/>
      <c r="D349" s="163"/>
      <c r="E349" s="164"/>
      <c r="F349" s="164"/>
      <c r="G349" s="164"/>
      <c r="H349" s="164"/>
      <c r="I349" s="164"/>
      <c r="J349" s="164"/>
      <c r="K349" s="165"/>
      <c r="L349" s="166"/>
      <c r="M349" s="167"/>
      <c r="N349" s="167"/>
      <c r="O349" s="168"/>
    </row>
    <row r="350" spans="1:17" s="157" customFormat="1" ht="16.5" customHeight="1">
      <c r="A350" s="129"/>
      <c r="B350" s="129"/>
      <c r="D350" s="169"/>
      <c r="E350" s="170"/>
      <c r="F350" s="170"/>
      <c r="G350" s="170"/>
      <c r="H350" s="170"/>
      <c r="I350" s="170"/>
      <c r="J350" s="170"/>
      <c r="K350" s="171"/>
      <c r="L350" s="172"/>
      <c r="M350" s="173"/>
      <c r="N350" s="173"/>
      <c r="O350" s="174"/>
    </row>
    <row r="351" spans="1:17" s="157" customFormat="1" ht="16.5" customHeight="1">
      <c r="A351" s="129"/>
      <c r="B351" s="129"/>
      <c r="D351" s="163"/>
      <c r="E351" s="164"/>
      <c r="F351" s="164"/>
      <c r="G351" s="164"/>
      <c r="H351" s="164"/>
      <c r="I351" s="164"/>
      <c r="J351" s="164"/>
      <c r="K351" s="165"/>
      <c r="L351" s="166"/>
      <c r="M351" s="167"/>
      <c r="N351" s="167"/>
      <c r="O351" s="168"/>
      <c r="Q351" s="200"/>
    </row>
    <row r="352" spans="1:17" s="157" customFormat="1" ht="16.5" customHeight="1">
      <c r="A352" s="129"/>
      <c r="B352" s="129"/>
      <c r="D352" s="169"/>
      <c r="E352" s="170"/>
      <c r="F352" s="170"/>
      <c r="G352" s="170"/>
      <c r="H352" s="170"/>
      <c r="I352" s="170"/>
      <c r="J352" s="170"/>
      <c r="K352" s="171"/>
      <c r="L352" s="172"/>
      <c r="M352" s="173"/>
      <c r="N352" s="173"/>
      <c r="O352" s="174"/>
    </row>
    <row r="353" spans="1:17" s="157" customFormat="1" ht="16.5" customHeight="1">
      <c r="A353" s="129"/>
      <c r="B353" s="129"/>
      <c r="D353" s="163"/>
      <c r="E353" s="164"/>
      <c r="F353" s="164"/>
      <c r="G353" s="164"/>
      <c r="H353" s="164"/>
      <c r="I353" s="164"/>
      <c r="J353" s="164"/>
      <c r="K353" s="165"/>
      <c r="L353" s="166"/>
      <c r="M353" s="167"/>
      <c r="N353" s="167"/>
      <c r="O353" s="168"/>
      <c r="Q353" s="200"/>
    </row>
    <row r="354" spans="1:17" s="201" customFormat="1" ht="16.5" customHeight="1">
      <c r="A354" s="129"/>
      <c r="B354" s="129"/>
      <c r="D354" s="169"/>
      <c r="E354" s="170"/>
      <c r="F354" s="170"/>
      <c r="G354" s="170"/>
      <c r="H354" s="170"/>
      <c r="I354" s="170"/>
      <c r="J354" s="170"/>
      <c r="K354" s="171"/>
      <c r="L354" s="172"/>
      <c r="M354" s="173"/>
      <c r="N354" s="173"/>
      <c r="O354" s="174"/>
    </row>
    <row r="355" spans="1:17" s="202" customFormat="1" ht="16.5" customHeight="1">
      <c r="A355" s="129"/>
      <c r="B355" s="129"/>
      <c r="D355" s="163"/>
      <c r="E355" s="164"/>
      <c r="F355" s="164"/>
      <c r="G355" s="164"/>
      <c r="H355" s="164"/>
      <c r="I355" s="164"/>
      <c r="J355" s="164"/>
      <c r="K355" s="165"/>
      <c r="L355" s="166"/>
      <c r="M355" s="167"/>
      <c r="N355" s="167"/>
      <c r="O355" s="168"/>
    </row>
    <row r="356" spans="1:17" s="157" customFormat="1" ht="16.5" customHeight="1">
      <c r="A356" s="129"/>
      <c r="B356" s="129"/>
      <c r="D356" s="169"/>
      <c r="E356" s="170"/>
      <c r="F356" s="170"/>
      <c r="G356" s="170"/>
      <c r="H356" s="170"/>
      <c r="I356" s="170"/>
      <c r="J356" s="170"/>
      <c r="K356" s="171"/>
      <c r="L356" s="172"/>
      <c r="M356" s="173"/>
      <c r="N356" s="173"/>
      <c r="O356" s="174"/>
    </row>
    <row r="357" spans="1:17" s="157" customFormat="1" ht="16.5" customHeight="1">
      <c r="A357" s="129"/>
      <c r="B357" s="129"/>
      <c r="D357" s="163"/>
      <c r="E357" s="164"/>
      <c r="F357" s="164"/>
      <c r="G357" s="164"/>
      <c r="H357" s="164"/>
      <c r="I357" s="164"/>
      <c r="J357" s="164"/>
      <c r="K357" s="165"/>
      <c r="L357" s="166"/>
      <c r="M357" s="167"/>
      <c r="N357" s="167"/>
      <c r="O357" s="168"/>
    </row>
    <row r="358" spans="1:17" s="157" customFormat="1" ht="16.5" customHeight="1">
      <c r="A358" s="129"/>
      <c r="B358" s="129"/>
      <c r="D358" s="169"/>
      <c r="E358" s="170"/>
      <c r="F358" s="170"/>
      <c r="G358" s="170"/>
      <c r="H358" s="170"/>
      <c r="I358" s="170"/>
      <c r="J358" s="170"/>
      <c r="K358" s="171"/>
      <c r="L358" s="172"/>
      <c r="M358" s="173"/>
      <c r="N358" s="173"/>
      <c r="O358" s="174"/>
    </row>
    <row r="359" spans="1:17" s="157" customFormat="1" ht="16.5" customHeight="1">
      <c r="A359" s="129"/>
      <c r="B359" s="129"/>
      <c r="D359" s="163"/>
      <c r="E359" s="164"/>
      <c r="F359" s="164"/>
      <c r="G359" s="164"/>
      <c r="H359" s="164"/>
      <c r="I359" s="164"/>
      <c r="J359" s="164"/>
      <c r="K359" s="165"/>
      <c r="L359" s="166"/>
      <c r="M359" s="167"/>
      <c r="N359" s="167"/>
      <c r="O359" s="168"/>
    </row>
    <row r="360" spans="1:17" s="157" customFormat="1" ht="16.5" customHeight="1">
      <c r="A360" s="129"/>
      <c r="B360" s="129"/>
      <c r="D360" s="169"/>
      <c r="E360" s="170"/>
      <c r="F360" s="170"/>
      <c r="G360" s="170"/>
      <c r="H360" s="170"/>
      <c r="I360" s="170"/>
      <c r="J360" s="170"/>
      <c r="K360" s="171"/>
      <c r="L360" s="172"/>
      <c r="M360" s="173"/>
      <c r="N360" s="173"/>
      <c r="O360" s="174"/>
    </row>
    <row r="361" spans="1:17" s="157" customFormat="1" ht="16.5" customHeight="1">
      <c r="A361" s="129"/>
      <c r="B361" s="129"/>
      <c r="D361" s="163"/>
      <c r="E361" s="164"/>
      <c r="F361" s="164"/>
      <c r="G361" s="164"/>
      <c r="H361" s="164"/>
      <c r="I361" s="164"/>
      <c r="J361" s="164"/>
      <c r="K361" s="165"/>
      <c r="L361" s="166"/>
      <c r="M361" s="167"/>
      <c r="N361" s="167"/>
      <c r="O361" s="168"/>
    </row>
    <row r="362" spans="1:17" s="157" customFormat="1" ht="16.5" customHeight="1">
      <c r="A362" s="129"/>
      <c r="B362" s="129"/>
      <c r="D362" s="169"/>
      <c r="E362" s="170"/>
      <c r="F362" s="170"/>
      <c r="G362" s="170"/>
      <c r="H362" s="170"/>
      <c r="I362" s="170"/>
      <c r="J362" s="170"/>
      <c r="K362" s="171"/>
      <c r="L362" s="172"/>
      <c r="M362" s="173"/>
      <c r="N362" s="173"/>
      <c r="O362" s="174"/>
    </row>
    <row r="363" spans="1:17" s="157" customFormat="1" ht="16.5" customHeight="1">
      <c r="A363" s="129"/>
      <c r="B363" s="129"/>
      <c r="D363" s="163"/>
      <c r="E363" s="164"/>
      <c r="F363" s="164"/>
      <c r="G363" s="164"/>
      <c r="H363" s="164"/>
      <c r="I363" s="164"/>
      <c r="J363" s="164"/>
      <c r="K363" s="165"/>
      <c r="L363" s="166"/>
      <c r="M363" s="167"/>
      <c r="N363" s="167"/>
      <c r="O363" s="168"/>
    </row>
    <row r="364" spans="1:17" s="157" customFormat="1" ht="16.5" customHeight="1">
      <c r="A364" s="129"/>
      <c r="B364" s="129"/>
      <c r="D364" s="169"/>
      <c r="E364" s="170"/>
      <c r="F364" s="170"/>
      <c r="G364" s="170"/>
      <c r="H364" s="170"/>
      <c r="I364" s="170"/>
      <c r="J364" s="170"/>
      <c r="K364" s="171"/>
      <c r="L364" s="172"/>
      <c r="M364" s="173"/>
      <c r="N364" s="173"/>
      <c r="O364" s="174"/>
    </row>
    <row r="365" spans="1:17" s="157" customFormat="1" ht="16.5" customHeight="1">
      <c r="A365" s="129"/>
      <c r="B365" s="129"/>
      <c r="D365" s="163"/>
      <c r="E365" s="164"/>
      <c r="F365" s="164"/>
      <c r="G365" s="164"/>
      <c r="H365" s="164"/>
      <c r="I365" s="164"/>
      <c r="J365" s="164"/>
      <c r="K365" s="165"/>
      <c r="L365" s="166"/>
      <c r="M365" s="167"/>
      <c r="N365" s="167"/>
      <c r="O365" s="168"/>
    </row>
    <row r="366" spans="1:17" s="157" customFormat="1" ht="16.5" customHeight="1">
      <c r="A366" s="129"/>
      <c r="B366" s="129"/>
      <c r="D366" s="169"/>
      <c r="E366" s="170"/>
      <c r="F366" s="170"/>
      <c r="G366" s="170"/>
      <c r="H366" s="170"/>
      <c r="I366" s="170"/>
      <c r="J366" s="170"/>
      <c r="K366" s="171"/>
      <c r="L366" s="172"/>
      <c r="M366" s="173"/>
      <c r="N366" s="173"/>
      <c r="O366" s="174"/>
    </row>
    <row r="367" spans="1:17" s="157" customFormat="1" ht="16.5" customHeight="1">
      <c r="A367" s="129"/>
      <c r="B367" s="129"/>
      <c r="D367" s="163"/>
      <c r="E367" s="164"/>
      <c r="F367" s="164"/>
      <c r="G367" s="164"/>
      <c r="H367" s="164"/>
      <c r="I367" s="164"/>
      <c r="J367" s="164"/>
      <c r="K367" s="165"/>
      <c r="L367" s="166"/>
      <c r="M367" s="167"/>
      <c r="N367" s="167"/>
      <c r="O367" s="168"/>
    </row>
    <row r="368" spans="1:17" s="157" customFormat="1" ht="16.5" customHeight="1">
      <c r="A368" s="129"/>
      <c r="B368" s="129"/>
      <c r="D368" s="169"/>
      <c r="E368" s="170"/>
      <c r="F368" s="170"/>
      <c r="G368" s="170"/>
      <c r="H368" s="170"/>
      <c r="I368" s="170"/>
      <c r="J368" s="170"/>
      <c r="K368" s="171"/>
      <c r="L368" s="172"/>
      <c r="M368" s="173"/>
      <c r="N368" s="173"/>
      <c r="O368" s="174"/>
    </row>
    <row r="369" spans="1:17" s="157" customFormat="1" ht="16.5" customHeight="1">
      <c r="A369" s="129"/>
      <c r="B369" s="129"/>
      <c r="D369" s="163"/>
      <c r="E369" s="164"/>
      <c r="F369" s="164"/>
      <c r="G369" s="164"/>
      <c r="H369" s="164"/>
      <c r="I369" s="164"/>
      <c r="J369" s="164"/>
      <c r="K369" s="165"/>
      <c r="L369" s="166"/>
      <c r="M369" s="167"/>
      <c r="N369" s="167"/>
      <c r="O369" s="168"/>
    </row>
    <row r="370" spans="1:17" s="157" customFormat="1" ht="16.5" customHeight="1">
      <c r="A370" s="129"/>
      <c r="B370" s="129"/>
      <c r="D370" s="169"/>
      <c r="E370" s="170"/>
      <c r="F370" s="170"/>
      <c r="G370" s="170"/>
      <c r="H370" s="170"/>
      <c r="I370" s="170"/>
      <c r="J370" s="170"/>
      <c r="K370" s="171"/>
      <c r="L370" s="172"/>
      <c r="M370" s="173"/>
      <c r="N370" s="173"/>
      <c r="O370" s="174"/>
    </row>
    <row r="371" spans="1:17" s="157" customFormat="1" ht="16.5" customHeight="1">
      <c r="A371" s="129"/>
      <c r="B371" s="129"/>
      <c r="D371" s="175"/>
      <c r="E371" s="176"/>
      <c r="F371" s="176"/>
      <c r="G371" s="176"/>
      <c r="H371" s="176"/>
      <c r="I371" s="176"/>
      <c r="J371" s="176"/>
      <c r="K371" s="177"/>
      <c r="L371" s="178"/>
      <c r="M371" s="179"/>
      <c r="N371" s="179"/>
      <c r="O371" s="180"/>
    </row>
    <row r="372" spans="1:17" s="157" customFormat="1" ht="16.5" customHeight="1">
      <c r="A372" s="129"/>
      <c r="B372" s="129"/>
      <c r="D372" s="158"/>
      <c r="E372" s="159"/>
      <c r="F372" s="159"/>
      <c r="G372" s="4"/>
      <c r="H372" s="4"/>
      <c r="I372" s="159"/>
      <c r="J372" s="159"/>
      <c r="K372" s="160"/>
      <c r="L372" s="161"/>
      <c r="M372" s="5"/>
      <c r="N372" s="5"/>
      <c r="O372" s="162"/>
    </row>
    <row r="373" spans="1:17" s="157" customFormat="1" ht="16.5" customHeight="1">
      <c r="A373" s="129"/>
      <c r="B373" s="129"/>
      <c r="D373" s="163"/>
      <c r="E373" s="164"/>
      <c r="F373" s="164"/>
      <c r="G373" s="164"/>
      <c r="H373" s="164"/>
      <c r="I373" s="164"/>
      <c r="J373" s="164"/>
      <c r="K373" s="165"/>
      <c r="L373" s="166"/>
      <c r="M373" s="167"/>
      <c r="N373" s="167"/>
      <c r="O373" s="168"/>
    </row>
    <row r="374" spans="1:17" s="157" customFormat="1" ht="16.5" customHeight="1">
      <c r="A374" s="129"/>
      <c r="B374" s="129"/>
      <c r="D374" s="169"/>
      <c r="E374" s="170"/>
      <c r="F374" s="170"/>
      <c r="G374" s="170"/>
      <c r="H374" s="170"/>
      <c r="I374" s="170"/>
      <c r="J374" s="170"/>
      <c r="K374" s="171"/>
      <c r="L374" s="172"/>
      <c r="M374" s="173"/>
      <c r="N374" s="173"/>
      <c r="O374" s="174"/>
    </row>
    <row r="375" spans="1:17" s="157" customFormat="1" ht="16.5" customHeight="1">
      <c r="A375" s="129"/>
      <c r="B375" s="129"/>
      <c r="D375" s="163"/>
      <c r="E375" s="164"/>
      <c r="F375" s="164"/>
      <c r="G375" s="164"/>
      <c r="H375" s="164"/>
      <c r="I375" s="164"/>
      <c r="J375" s="164"/>
      <c r="K375" s="165"/>
      <c r="L375" s="166"/>
      <c r="M375" s="167"/>
      <c r="N375" s="167"/>
      <c r="O375" s="168"/>
      <c r="Q375" s="200"/>
    </row>
    <row r="376" spans="1:17" s="157" customFormat="1" ht="16.5" customHeight="1">
      <c r="A376" s="129"/>
      <c r="B376" s="129"/>
      <c r="D376" s="169"/>
      <c r="E376" s="170"/>
      <c r="F376" s="170"/>
      <c r="G376" s="170"/>
      <c r="H376" s="170"/>
      <c r="I376" s="170"/>
      <c r="J376" s="170"/>
      <c r="K376" s="171"/>
      <c r="L376" s="172"/>
      <c r="M376" s="173"/>
      <c r="N376" s="173"/>
      <c r="O376" s="174"/>
    </row>
    <row r="377" spans="1:17" s="157" customFormat="1" ht="16.5" customHeight="1">
      <c r="A377" s="129"/>
      <c r="B377" s="129"/>
      <c r="D377" s="163"/>
      <c r="E377" s="164"/>
      <c r="F377" s="164"/>
      <c r="G377" s="164"/>
      <c r="H377" s="164"/>
      <c r="I377" s="164"/>
      <c r="J377" s="164"/>
      <c r="K377" s="165"/>
      <c r="L377" s="166"/>
      <c r="M377" s="167"/>
      <c r="N377" s="167"/>
      <c r="O377" s="168"/>
      <c r="Q377" s="200"/>
    </row>
    <row r="378" spans="1:17" s="157" customFormat="1" ht="16.5" customHeight="1">
      <c r="A378" s="129"/>
      <c r="B378" s="129"/>
      <c r="D378" s="169"/>
      <c r="E378" s="170"/>
      <c r="F378" s="170"/>
      <c r="G378" s="170"/>
      <c r="H378" s="170"/>
      <c r="I378" s="170"/>
      <c r="J378" s="170"/>
      <c r="K378" s="171"/>
      <c r="L378" s="172"/>
      <c r="M378" s="173"/>
      <c r="N378" s="173"/>
      <c r="O378" s="174"/>
    </row>
  </sheetData>
  <phoneticPr fontId="2"/>
  <printOptions horizontalCentered="1" verticalCentered="1"/>
  <pageMargins left="0.19685039370078741" right="0.19685039370078741" top="0.47244094488188981" bottom="0.70866141732283472" header="0.51181102362204722" footer="0.51181102362204722"/>
  <pageSetup paperSize="9" orientation="landscape" useFirstPageNumber="1" horizontalDpi="4294967292" r:id="rId1"/>
  <headerFooter alignWithMargins="0">
    <oddFooter>&amp;R（一式内訳 PM - &amp;P号）</oddFooter>
  </headerFooter>
  <rowBreaks count="8" manualBreakCount="8">
    <brk id="33" min="3" max="14" man="1"/>
    <brk id="63" min="3" max="14" man="1"/>
    <brk id="93" min="3" max="14" man="1"/>
    <brk id="123" min="3" max="14" man="1"/>
    <brk id="151" min="3" max="14" man="1"/>
    <brk id="181" min="3" max="14" man="1"/>
    <brk id="211" min="3" max="14" man="1"/>
    <brk id="123" min="3" max="14"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F51"/>
  <sheetViews>
    <sheetView view="pageBreakPreview" topLeftCell="A19" zoomScaleNormal="75" workbookViewId="0">
      <selection activeCell="E47" sqref="E47"/>
    </sheetView>
  </sheetViews>
  <sheetFormatPr defaultRowHeight="11.25"/>
  <cols>
    <col min="1" max="1" width="0.125" style="330" customWidth="1"/>
    <col min="2" max="2" width="41.875" style="330" customWidth="1"/>
    <col min="3" max="3" width="14.875" style="330" customWidth="1"/>
    <col min="4" max="4" width="6.75" style="330" customWidth="1"/>
    <col min="5" max="5" width="35.125" style="330" customWidth="1"/>
    <col min="6" max="6" width="22.375" style="330" customWidth="1"/>
    <col min="7" max="16384" width="9" style="330"/>
  </cols>
  <sheetData>
    <row r="1" spans="1:6" ht="15.95" customHeight="1">
      <c r="B1" s="346" t="s">
        <v>514</v>
      </c>
      <c r="C1" s="346"/>
      <c r="D1" s="346"/>
      <c r="E1" s="346"/>
      <c r="F1" s="345" t="s">
        <v>513</v>
      </c>
    </row>
    <row r="2" spans="1:6" ht="12.6" customHeight="1">
      <c r="A2" s="336"/>
      <c r="B2" s="443"/>
      <c r="C2" s="444"/>
      <c r="D2" s="444"/>
      <c r="E2" s="444"/>
      <c r="F2" s="445"/>
    </row>
    <row r="3" spans="1:6" ht="12.6" customHeight="1">
      <c r="A3" s="336"/>
      <c r="B3" s="443"/>
      <c r="C3" s="444"/>
      <c r="D3" s="444"/>
      <c r="E3" s="444"/>
      <c r="F3" s="445"/>
    </row>
    <row r="4" spans="1:6" ht="10.5" customHeight="1">
      <c r="A4" s="336"/>
      <c r="B4" s="446" t="s">
        <v>512</v>
      </c>
      <c r="C4" s="448" t="s">
        <v>511</v>
      </c>
      <c r="D4" s="448" t="s">
        <v>510</v>
      </c>
      <c r="E4" s="448" t="s">
        <v>509</v>
      </c>
      <c r="F4" s="450" t="s">
        <v>508</v>
      </c>
    </row>
    <row r="5" spans="1:6" ht="10.5" customHeight="1">
      <c r="A5" s="336"/>
      <c r="B5" s="447"/>
      <c r="C5" s="449"/>
      <c r="D5" s="449"/>
      <c r="E5" s="449"/>
      <c r="F5" s="451"/>
    </row>
    <row r="6" spans="1:6" ht="11.1" customHeight="1">
      <c r="A6" s="336" t="s">
        <v>492</v>
      </c>
      <c r="B6" s="340" t="s">
        <v>507</v>
      </c>
      <c r="C6" s="338" t="s">
        <v>492</v>
      </c>
      <c r="D6" s="339" t="s">
        <v>492</v>
      </c>
      <c r="E6" s="338" t="s">
        <v>492</v>
      </c>
      <c r="F6" s="337" t="s">
        <v>492</v>
      </c>
    </row>
    <row r="7" spans="1:6" ht="11.1" customHeight="1">
      <c r="A7" s="336" t="s">
        <v>492</v>
      </c>
      <c r="B7" s="340" t="s">
        <v>492</v>
      </c>
      <c r="C7" s="338" t="s">
        <v>492</v>
      </c>
      <c r="D7" s="339" t="s">
        <v>492</v>
      </c>
      <c r="E7" s="338" t="s">
        <v>492</v>
      </c>
      <c r="F7" s="337" t="s">
        <v>492</v>
      </c>
    </row>
    <row r="8" spans="1:6" ht="11.1" customHeight="1">
      <c r="A8" s="336" t="s">
        <v>492</v>
      </c>
      <c r="B8" s="335" t="s">
        <v>492</v>
      </c>
      <c r="C8" s="333" t="s">
        <v>492</v>
      </c>
      <c r="D8" s="334" t="s">
        <v>492</v>
      </c>
      <c r="E8" s="333"/>
      <c r="F8" s="332" t="s">
        <v>492</v>
      </c>
    </row>
    <row r="9" spans="1:6" ht="11.1" customHeight="1">
      <c r="A9" s="336" t="s">
        <v>492</v>
      </c>
      <c r="B9" s="340" t="s">
        <v>506</v>
      </c>
      <c r="C9" s="338" t="s">
        <v>492</v>
      </c>
      <c r="D9" s="339" t="s">
        <v>492</v>
      </c>
      <c r="E9" s="338"/>
      <c r="F9" s="337" t="s">
        <v>492</v>
      </c>
    </row>
    <row r="10" spans="1:6" ht="11.1" customHeight="1">
      <c r="A10" s="336" t="s">
        <v>492</v>
      </c>
      <c r="B10" s="340" t="s">
        <v>492</v>
      </c>
      <c r="C10" s="338" t="s">
        <v>498</v>
      </c>
      <c r="D10" s="339" t="s">
        <v>492</v>
      </c>
      <c r="E10" s="338"/>
      <c r="F10" s="337" t="s">
        <v>492</v>
      </c>
    </row>
    <row r="11" spans="1:6" ht="11.1" customHeight="1">
      <c r="A11" s="336" t="s">
        <v>492</v>
      </c>
      <c r="B11" s="335" t="s">
        <v>492</v>
      </c>
      <c r="C11" s="333" t="s">
        <v>492</v>
      </c>
      <c r="D11" s="334" t="s">
        <v>501</v>
      </c>
      <c r="E11" s="333"/>
      <c r="F11" s="332" t="s">
        <v>492</v>
      </c>
    </row>
    <row r="12" spans="1:6" ht="11.1" customHeight="1">
      <c r="A12" s="336" t="s">
        <v>492</v>
      </c>
      <c r="B12" s="344" t="s">
        <v>500</v>
      </c>
      <c r="C12" s="342" t="s">
        <v>492</v>
      </c>
      <c r="D12" s="343" t="s">
        <v>492</v>
      </c>
      <c r="E12" s="342"/>
      <c r="F12" s="341" t="s">
        <v>492</v>
      </c>
    </row>
    <row r="13" spans="1:6" ht="11.1" customHeight="1">
      <c r="A13" s="336" t="s">
        <v>492</v>
      </c>
      <c r="B13" s="340" t="s">
        <v>492</v>
      </c>
      <c r="C13" s="338" t="s">
        <v>492</v>
      </c>
      <c r="D13" s="339" t="s">
        <v>492</v>
      </c>
      <c r="E13" s="338"/>
      <c r="F13" s="337" t="s">
        <v>492</v>
      </c>
    </row>
    <row r="14" spans="1:6" ht="11.1" customHeight="1">
      <c r="A14" s="336" t="s">
        <v>492</v>
      </c>
      <c r="B14" s="335" t="s">
        <v>492</v>
      </c>
      <c r="C14" s="333" t="s">
        <v>492</v>
      </c>
      <c r="D14" s="334" t="s">
        <v>492</v>
      </c>
      <c r="E14" s="333"/>
      <c r="F14" s="332" t="s">
        <v>492</v>
      </c>
    </row>
    <row r="15" spans="1:6" ht="11.1" customHeight="1">
      <c r="A15" s="336" t="s">
        <v>492</v>
      </c>
      <c r="B15" s="340" t="s">
        <v>505</v>
      </c>
      <c r="C15" s="338" t="s">
        <v>492</v>
      </c>
      <c r="D15" s="339" t="s">
        <v>492</v>
      </c>
      <c r="E15" s="338"/>
      <c r="F15" s="337" t="s">
        <v>492</v>
      </c>
    </row>
    <row r="16" spans="1:6" ht="11.1" customHeight="1">
      <c r="A16" s="336" t="s">
        <v>492</v>
      </c>
      <c r="B16" s="340" t="s">
        <v>492</v>
      </c>
      <c r="C16" s="338" t="s">
        <v>492</v>
      </c>
      <c r="D16" s="339" t="s">
        <v>492</v>
      </c>
      <c r="E16" s="338"/>
      <c r="F16" s="337" t="s">
        <v>492</v>
      </c>
    </row>
    <row r="17" spans="1:6" ht="11.1" customHeight="1">
      <c r="A17" s="336" t="s">
        <v>492</v>
      </c>
      <c r="B17" s="335" t="s">
        <v>492</v>
      </c>
      <c r="C17" s="333" t="s">
        <v>492</v>
      </c>
      <c r="D17" s="334" t="s">
        <v>492</v>
      </c>
      <c r="E17" s="333"/>
      <c r="F17" s="332" t="s">
        <v>492</v>
      </c>
    </row>
    <row r="18" spans="1:6" ht="11.1" customHeight="1">
      <c r="A18" s="336" t="s">
        <v>492</v>
      </c>
      <c r="B18" s="340" t="s">
        <v>504</v>
      </c>
      <c r="C18" s="338" t="s">
        <v>492</v>
      </c>
      <c r="D18" s="339" t="s">
        <v>492</v>
      </c>
      <c r="E18" s="338"/>
      <c r="F18" s="337" t="s">
        <v>492</v>
      </c>
    </row>
    <row r="19" spans="1:6" ht="11.1" customHeight="1">
      <c r="A19" s="336" t="s">
        <v>492</v>
      </c>
      <c r="B19" s="340" t="s">
        <v>492</v>
      </c>
      <c r="C19" s="338" t="s">
        <v>498</v>
      </c>
      <c r="D19" s="339" t="s">
        <v>492</v>
      </c>
      <c r="E19" s="338"/>
      <c r="F19" s="337" t="s">
        <v>492</v>
      </c>
    </row>
    <row r="20" spans="1:6" ht="11.1" customHeight="1">
      <c r="A20" s="336" t="s">
        <v>492</v>
      </c>
      <c r="B20" s="335" t="s">
        <v>492</v>
      </c>
      <c r="C20" s="333" t="s">
        <v>492</v>
      </c>
      <c r="D20" s="334" t="s">
        <v>501</v>
      </c>
      <c r="E20" s="333"/>
      <c r="F20" s="332" t="s">
        <v>492</v>
      </c>
    </row>
    <row r="21" spans="1:6" ht="11.1" customHeight="1">
      <c r="A21" s="336" t="s">
        <v>492</v>
      </c>
      <c r="B21" s="340" t="s">
        <v>503</v>
      </c>
      <c r="C21" s="338" t="s">
        <v>492</v>
      </c>
      <c r="D21" s="339" t="s">
        <v>492</v>
      </c>
      <c r="E21" s="338"/>
      <c r="F21" s="337" t="s">
        <v>492</v>
      </c>
    </row>
    <row r="22" spans="1:6" ht="11.1" customHeight="1">
      <c r="A22" s="336" t="s">
        <v>492</v>
      </c>
      <c r="B22" s="340" t="s">
        <v>492</v>
      </c>
      <c r="C22" s="338" t="s">
        <v>502</v>
      </c>
      <c r="D22" s="339" t="s">
        <v>492</v>
      </c>
      <c r="E22" s="338"/>
      <c r="F22" s="337" t="s">
        <v>492</v>
      </c>
    </row>
    <row r="23" spans="1:6" ht="11.1" customHeight="1">
      <c r="A23" s="336" t="s">
        <v>492</v>
      </c>
      <c r="B23" s="335" t="s">
        <v>492</v>
      </c>
      <c r="C23" s="333" t="s">
        <v>492</v>
      </c>
      <c r="D23" s="334" t="s">
        <v>501</v>
      </c>
      <c r="E23" s="333"/>
      <c r="F23" s="332" t="s">
        <v>492</v>
      </c>
    </row>
    <row r="24" spans="1:6" ht="11.1" customHeight="1">
      <c r="A24" s="336" t="s">
        <v>492</v>
      </c>
      <c r="B24" s="340"/>
      <c r="C24" s="338"/>
      <c r="D24" s="339"/>
      <c r="E24" s="338"/>
      <c r="F24" s="337" t="s">
        <v>492</v>
      </c>
    </row>
    <row r="25" spans="1:6" ht="11.1" customHeight="1">
      <c r="A25" s="336" t="s">
        <v>492</v>
      </c>
      <c r="B25" s="340"/>
      <c r="C25" s="338"/>
      <c r="D25" s="339"/>
      <c r="E25" s="338"/>
      <c r="F25" s="337" t="s">
        <v>492</v>
      </c>
    </row>
    <row r="26" spans="1:6" ht="11.1" customHeight="1">
      <c r="A26" s="336" t="s">
        <v>492</v>
      </c>
      <c r="B26" s="335"/>
      <c r="C26" s="333"/>
      <c r="D26" s="334"/>
      <c r="E26" s="333"/>
      <c r="F26" s="332" t="s">
        <v>492</v>
      </c>
    </row>
    <row r="27" spans="1:6" ht="11.1" customHeight="1">
      <c r="A27" s="336" t="s">
        <v>492</v>
      </c>
      <c r="B27" s="344" t="s">
        <v>500</v>
      </c>
      <c r="C27" s="342" t="s">
        <v>492</v>
      </c>
      <c r="D27" s="343" t="s">
        <v>492</v>
      </c>
      <c r="E27" s="342"/>
      <c r="F27" s="341" t="s">
        <v>492</v>
      </c>
    </row>
    <row r="28" spans="1:6" ht="11.1" customHeight="1">
      <c r="A28" s="336" t="s">
        <v>492</v>
      </c>
      <c r="B28" s="340" t="s">
        <v>492</v>
      </c>
      <c r="C28" s="338" t="s">
        <v>492</v>
      </c>
      <c r="D28" s="339" t="s">
        <v>492</v>
      </c>
      <c r="E28" s="338"/>
      <c r="F28" s="337" t="s">
        <v>492</v>
      </c>
    </row>
    <row r="29" spans="1:6" ht="11.1" customHeight="1">
      <c r="A29" s="336" t="s">
        <v>492</v>
      </c>
      <c r="B29" s="335" t="s">
        <v>492</v>
      </c>
      <c r="C29" s="333" t="s">
        <v>492</v>
      </c>
      <c r="D29" s="334" t="s">
        <v>492</v>
      </c>
      <c r="E29" s="333"/>
      <c r="F29" s="332" t="s">
        <v>492</v>
      </c>
    </row>
    <row r="30" spans="1:6" ht="11.1" customHeight="1">
      <c r="A30" s="336" t="s">
        <v>492</v>
      </c>
      <c r="B30" s="340" t="s">
        <v>492</v>
      </c>
      <c r="C30" s="338" t="s">
        <v>492</v>
      </c>
      <c r="D30" s="339" t="s">
        <v>492</v>
      </c>
      <c r="E30" s="338"/>
      <c r="F30" s="337" t="s">
        <v>492</v>
      </c>
    </row>
    <row r="31" spans="1:6" ht="11.1" customHeight="1">
      <c r="A31" s="336" t="s">
        <v>492</v>
      </c>
      <c r="B31" s="340" t="s">
        <v>492</v>
      </c>
      <c r="C31" s="338" t="s">
        <v>492</v>
      </c>
      <c r="D31" s="339" t="s">
        <v>492</v>
      </c>
      <c r="E31" s="338"/>
      <c r="F31" s="337" t="s">
        <v>492</v>
      </c>
    </row>
    <row r="32" spans="1:6" ht="11.1" customHeight="1">
      <c r="A32" s="336" t="s">
        <v>492</v>
      </c>
      <c r="B32" s="335" t="s">
        <v>492</v>
      </c>
      <c r="C32" s="333" t="s">
        <v>492</v>
      </c>
      <c r="D32" s="334" t="s">
        <v>492</v>
      </c>
      <c r="E32" s="333"/>
      <c r="F32" s="332" t="s">
        <v>492</v>
      </c>
    </row>
    <row r="33" spans="1:6" ht="11.1" customHeight="1">
      <c r="A33" s="336" t="s">
        <v>492</v>
      </c>
      <c r="B33" s="340" t="s">
        <v>499</v>
      </c>
      <c r="C33" s="338" t="s">
        <v>492</v>
      </c>
      <c r="D33" s="339" t="s">
        <v>492</v>
      </c>
      <c r="E33" s="338"/>
      <c r="F33" s="337" t="s">
        <v>492</v>
      </c>
    </row>
    <row r="34" spans="1:6" ht="11.1" customHeight="1">
      <c r="A34" s="336" t="s">
        <v>492</v>
      </c>
      <c r="B34" s="340" t="s">
        <v>492</v>
      </c>
      <c r="C34" s="338" t="s">
        <v>498</v>
      </c>
      <c r="D34" s="339" t="s">
        <v>492</v>
      </c>
      <c r="E34" s="338"/>
      <c r="F34" s="337" t="s">
        <v>492</v>
      </c>
    </row>
    <row r="35" spans="1:6" ht="11.1" customHeight="1">
      <c r="A35" s="336" t="s">
        <v>492</v>
      </c>
      <c r="B35" s="335" t="s">
        <v>492</v>
      </c>
      <c r="C35" s="333" t="s">
        <v>492</v>
      </c>
      <c r="D35" s="334" t="s">
        <v>497</v>
      </c>
      <c r="E35" s="333"/>
      <c r="F35" s="332" t="s">
        <v>492</v>
      </c>
    </row>
    <row r="36" spans="1:6" ht="11.1" customHeight="1">
      <c r="A36" s="336" t="s">
        <v>492</v>
      </c>
      <c r="B36" s="340"/>
      <c r="C36" s="338"/>
      <c r="D36" s="339"/>
      <c r="E36" s="338"/>
      <c r="F36" s="337"/>
    </row>
    <row r="37" spans="1:6" ht="11.1" customHeight="1">
      <c r="A37" s="336" t="s">
        <v>492</v>
      </c>
      <c r="B37" s="340"/>
      <c r="C37" s="338"/>
      <c r="D37" s="339"/>
      <c r="E37" s="338"/>
      <c r="F37" s="337"/>
    </row>
    <row r="38" spans="1:6" ht="11.1" customHeight="1">
      <c r="A38" s="336" t="s">
        <v>492</v>
      </c>
      <c r="B38" s="335"/>
      <c r="C38" s="333"/>
      <c r="D38" s="334"/>
      <c r="E38" s="333"/>
      <c r="F38" s="332"/>
    </row>
    <row r="39" spans="1:6" ht="11.1" customHeight="1">
      <c r="A39" s="336" t="s">
        <v>492</v>
      </c>
      <c r="B39" s="340"/>
      <c r="C39" s="338"/>
      <c r="D39" s="339"/>
      <c r="E39" s="338"/>
      <c r="F39" s="337"/>
    </row>
    <row r="40" spans="1:6" ht="11.1" customHeight="1">
      <c r="A40" s="336" t="s">
        <v>492</v>
      </c>
      <c r="B40" s="340"/>
      <c r="C40" s="338"/>
      <c r="D40" s="339"/>
      <c r="E40" s="338"/>
      <c r="F40" s="337"/>
    </row>
    <row r="41" spans="1:6" ht="11.1" customHeight="1">
      <c r="A41" s="336" t="s">
        <v>492</v>
      </c>
      <c r="B41" s="335"/>
      <c r="C41" s="333"/>
      <c r="D41" s="334"/>
      <c r="E41" s="333"/>
      <c r="F41" s="332"/>
    </row>
    <row r="42" spans="1:6" ht="11.1" customHeight="1">
      <c r="A42" s="336" t="s">
        <v>492</v>
      </c>
      <c r="B42" s="340"/>
      <c r="C42" s="338"/>
      <c r="D42" s="339"/>
      <c r="E42" s="338"/>
      <c r="F42" s="337"/>
    </row>
    <row r="43" spans="1:6" ht="11.1" customHeight="1">
      <c r="A43" s="336" t="s">
        <v>492</v>
      </c>
      <c r="B43" s="340"/>
      <c r="C43" s="338"/>
      <c r="D43" s="339"/>
      <c r="E43" s="338"/>
      <c r="F43" s="337"/>
    </row>
    <row r="44" spans="1:6" ht="11.1" customHeight="1">
      <c r="A44" s="336" t="s">
        <v>492</v>
      </c>
      <c r="B44" s="335"/>
      <c r="C44" s="333"/>
      <c r="D44" s="334"/>
      <c r="E44" s="333"/>
      <c r="F44" s="332"/>
    </row>
    <row r="45" spans="1:6" ht="11.1" customHeight="1">
      <c r="A45" s="336" t="s">
        <v>492</v>
      </c>
      <c r="B45" s="340"/>
      <c r="C45" s="338"/>
      <c r="D45" s="339"/>
      <c r="E45" s="338"/>
      <c r="F45" s="337"/>
    </row>
    <row r="46" spans="1:6" ht="11.1" customHeight="1">
      <c r="A46" s="336" t="s">
        <v>492</v>
      </c>
      <c r="B46" s="340"/>
      <c r="C46" s="338"/>
      <c r="D46" s="339"/>
      <c r="E46" s="338"/>
      <c r="F46" s="337"/>
    </row>
    <row r="47" spans="1:6" ht="11.1" customHeight="1">
      <c r="A47" s="336" t="s">
        <v>492</v>
      </c>
      <c r="B47" s="335"/>
      <c r="C47" s="333"/>
      <c r="D47" s="334"/>
      <c r="E47" s="333"/>
      <c r="F47" s="332"/>
    </row>
    <row r="48" spans="1:6" ht="11.1" customHeight="1">
      <c r="A48" s="336" t="s">
        <v>492</v>
      </c>
      <c r="B48" s="340"/>
      <c r="C48" s="338"/>
      <c r="D48" s="339"/>
      <c r="E48" s="338"/>
      <c r="F48" s="337"/>
    </row>
    <row r="49" spans="1:6" ht="11.1" customHeight="1">
      <c r="A49" s="336" t="s">
        <v>492</v>
      </c>
      <c r="B49" s="340"/>
      <c r="C49" s="338"/>
      <c r="D49" s="339"/>
      <c r="E49" s="338"/>
      <c r="F49" s="337"/>
    </row>
    <row r="50" spans="1:6" ht="11.1" customHeight="1">
      <c r="A50" s="336" t="s">
        <v>492</v>
      </c>
      <c r="B50" s="335" t="s">
        <v>492</v>
      </c>
      <c r="C50" s="333" t="s">
        <v>492</v>
      </c>
      <c r="D50" s="334"/>
      <c r="E50" s="333" t="s">
        <v>492</v>
      </c>
      <c r="F50" s="332" t="s">
        <v>492</v>
      </c>
    </row>
    <row r="51" spans="1:6" ht="0.95" customHeight="1">
      <c r="B51" s="331"/>
      <c r="C51" s="331"/>
      <c r="D51" s="331"/>
      <c r="E51" s="331"/>
      <c r="F51" s="331"/>
    </row>
  </sheetData>
  <mergeCells count="6">
    <mergeCell ref="B2:F3"/>
    <mergeCell ref="B4:B5"/>
    <mergeCell ref="C4:C5"/>
    <mergeCell ref="E4:E5"/>
    <mergeCell ref="F4:F5"/>
    <mergeCell ref="D4:D5"/>
  </mergeCells>
  <phoneticPr fontId="2"/>
  <pageMargins left="0.70866141732283472" right="0.47244094488188981" top="0.6692913385826772" bottom="0.47244094488188981" header="0.47244094488188981" footer="0.39370078740157483"/>
  <pageSetup paperSize="9" orientation="landscape" horizontalDpi="4294967294"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F51"/>
  <sheetViews>
    <sheetView view="pageBreakPreview" zoomScaleNormal="75" workbookViewId="0">
      <selection activeCell="E8" sqref="E8:E40"/>
    </sheetView>
  </sheetViews>
  <sheetFormatPr defaultRowHeight="11.25"/>
  <cols>
    <col min="1" max="1" width="0.125" style="330" customWidth="1"/>
    <col min="2" max="2" width="41.875" style="330" customWidth="1"/>
    <col min="3" max="3" width="14.875" style="330" customWidth="1"/>
    <col min="4" max="4" width="6.75" style="330" customWidth="1"/>
    <col min="5" max="5" width="35.125" style="330" customWidth="1"/>
    <col min="6" max="6" width="22.375" style="330" customWidth="1"/>
    <col min="7" max="16384" width="9" style="330"/>
  </cols>
  <sheetData>
    <row r="1" spans="1:6" ht="15.95" customHeight="1">
      <c r="B1" s="346" t="s">
        <v>518</v>
      </c>
      <c r="C1" s="346"/>
      <c r="D1" s="346"/>
      <c r="E1" s="346"/>
      <c r="F1" s="345" t="s">
        <v>517</v>
      </c>
    </row>
    <row r="2" spans="1:6" ht="12.6" customHeight="1">
      <c r="A2" s="336"/>
      <c r="B2" s="443"/>
      <c r="C2" s="444"/>
      <c r="D2" s="444"/>
      <c r="E2" s="444"/>
      <c r="F2" s="445"/>
    </row>
    <row r="3" spans="1:6" ht="12.6" customHeight="1">
      <c r="A3" s="336"/>
      <c r="B3" s="443"/>
      <c r="C3" s="444"/>
      <c r="D3" s="444"/>
      <c r="E3" s="444"/>
      <c r="F3" s="445"/>
    </row>
    <row r="4" spans="1:6" ht="10.5" customHeight="1">
      <c r="A4" s="336"/>
      <c r="B4" s="446" t="s">
        <v>512</v>
      </c>
      <c r="C4" s="448" t="s">
        <v>511</v>
      </c>
      <c r="D4" s="448" t="s">
        <v>510</v>
      </c>
      <c r="E4" s="448" t="s">
        <v>509</v>
      </c>
      <c r="F4" s="450" t="s">
        <v>508</v>
      </c>
    </row>
    <row r="5" spans="1:6" ht="10.5" customHeight="1">
      <c r="A5" s="336"/>
      <c r="B5" s="447"/>
      <c r="C5" s="449"/>
      <c r="D5" s="449"/>
      <c r="E5" s="449"/>
      <c r="F5" s="451"/>
    </row>
    <row r="6" spans="1:6" ht="11.1" customHeight="1">
      <c r="A6" s="336" t="s">
        <v>492</v>
      </c>
      <c r="B6" s="340" t="s">
        <v>506</v>
      </c>
      <c r="C6" s="338" t="s">
        <v>492</v>
      </c>
      <c r="D6" s="339" t="s">
        <v>492</v>
      </c>
      <c r="E6" s="338" t="s">
        <v>492</v>
      </c>
      <c r="F6" s="337" t="s">
        <v>492</v>
      </c>
    </row>
    <row r="7" spans="1:6" ht="11.1" customHeight="1">
      <c r="A7" s="336" t="s">
        <v>492</v>
      </c>
      <c r="B7" s="340" t="s">
        <v>492</v>
      </c>
      <c r="C7" s="338" t="s">
        <v>498</v>
      </c>
      <c r="D7" s="339" t="s">
        <v>492</v>
      </c>
      <c r="E7" s="338"/>
      <c r="F7" s="337" t="s">
        <v>492</v>
      </c>
    </row>
    <row r="8" spans="1:6" ht="11.1" customHeight="1">
      <c r="A8" s="336" t="s">
        <v>492</v>
      </c>
      <c r="B8" s="335" t="s">
        <v>492</v>
      </c>
      <c r="C8" s="333" t="s">
        <v>492</v>
      </c>
      <c r="D8" s="334" t="s">
        <v>516</v>
      </c>
      <c r="E8" s="333"/>
      <c r="F8" s="332" t="s">
        <v>492</v>
      </c>
    </row>
    <row r="9" spans="1:6" ht="11.1" customHeight="1">
      <c r="A9" s="336" t="s">
        <v>492</v>
      </c>
      <c r="B9" s="344" t="s">
        <v>515</v>
      </c>
      <c r="C9" s="342" t="s">
        <v>492</v>
      </c>
      <c r="D9" s="343" t="s">
        <v>492</v>
      </c>
      <c r="E9" s="342"/>
      <c r="F9" s="341" t="s">
        <v>492</v>
      </c>
    </row>
    <row r="10" spans="1:6" ht="11.1" customHeight="1">
      <c r="A10" s="336" t="s">
        <v>492</v>
      </c>
      <c r="B10" s="340" t="s">
        <v>492</v>
      </c>
      <c r="C10" s="338" t="s">
        <v>492</v>
      </c>
      <c r="D10" s="339" t="s">
        <v>492</v>
      </c>
      <c r="E10" s="338"/>
      <c r="F10" s="337" t="s">
        <v>492</v>
      </c>
    </row>
    <row r="11" spans="1:6" ht="11.1" customHeight="1">
      <c r="A11" s="336" t="s">
        <v>492</v>
      </c>
      <c r="B11" s="335" t="s">
        <v>492</v>
      </c>
      <c r="C11" s="333" t="s">
        <v>492</v>
      </c>
      <c r="D11" s="334" t="s">
        <v>492</v>
      </c>
      <c r="E11" s="333" t="s">
        <v>492</v>
      </c>
      <c r="F11" s="332" t="s">
        <v>492</v>
      </c>
    </row>
    <row r="12" spans="1:6" ht="11.1" customHeight="1">
      <c r="A12" s="336"/>
      <c r="B12" s="356"/>
      <c r="C12" s="342"/>
      <c r="D12" s="355"/>
      <c r="E12" s="342"/>
      <c r="F12" s="354"/>
    </row>
    <row r="13" spans="1:6" ht="11.1" customHeight="1">
      <c r="A13" s="336"/>
      <c r="B13" s="353"/>
      <c r="C13" s="338"/>
      <c r="D13" s="352"/>
      <c r="E13" s="338"/>
      <c r="F13" s="351"/>
    </row>
    <row r="14" spans="1:6" ht="11.1" customHeight="1">
      <c r="A14" s="336"/>
      <c r="B14" s="359"/>
      <c r="C14" s="333"/>
      <c r="D14" s="358"/>
      <c r="E14" s="333"/>
      <c r="F14" s="357"/>
    </row>
    <row r="15" spans="1:6" ht="11.1" customHeight="1">
      <c r="A15" s="336"/>
      <c r="B15" s="356"/>
      <c r="C15" s="342"/>
      <c r="D15" s="355"/>
      <c r="E15" s="342"/>
      <c r="F15" s="354"/>
    </row>
    <row r="16" spans="1:6" ht="11.1" customHeight="1">
      <c r="A16" s="336"/>
      <c r="B16" s="353"/>
      <c r="C16" s="338"/>
      <c r="D16" s="352"/>
      <c r="E16" s="338"/>
      <c r="F16" s="351"/>
    </row>
    <row r="17" spans="1:6" ht="11.1" customHeight="1">
      <c r="A17" s="336"/>
      <c r="B17" s="359"/>
      <c r="C17" s="333"/>
      <c r="D17" s="358"/>
      <c r="E17" s="333"/>
      <c r="F17" s="357"/>
    </row>
    <row r="18" spans="1:6" ht="11.1" customHeight="1">
      <c r="A18" s="336"/>
      <c r="B18" s="356"/>
      <c r="C18" s="342"/>
      <c r="D18" s="355"/>
      <c r="E18" s="342"/>
      <c r="F18" s="354"/>
    </row>
    <row r="19" spans="1:6" ht="11.1" customHeight="1">
      <c r="A19" s="336"/>
      <c r="B19" s="353"/>
      <c r="C19" s="338"/>
      <c r="D19" s="352"/>
      <c r="E19" s="338"/>
      <c r="F19" s="351"/>
    </row>
    <row r="20" spans="1:6" ht="11.1" customHeight="1">
      <c r="A20" s="336"/>
      <c r="B20" s="359"/>
      <c r="C20" s="333"/>
      <c r="D20" s="358"/>
      <c r="E20" s="333"/>
      <c r="F20" s="357"/>
    </row>
    <row r="21" spans="1:6" ht="11.1" customHeight="1">
      <c r="A21" s="336"/>
      <c r="B21" s="356"/>
      <c r="C21" s="342"/>
      <c r="D21" s="355"/>
      <c r="E21" s="342"/>
      <c r="F21" s="354"/>
    </row>
    <row r="22" spans="1:6" ht="11.1" customHeight="1">
      <c r="A22" s="336"/>
      <c r="B22" s="353"/>
      <c r="C22" s="338"/>
      <c r="D22" s="352"/>
      <c r="E22" s="338"/>
      <c r="F22" s="351"/>
    </row>
    <row r="23" spans="1:6" ht="11.1" customHeight="1">
      <c r="A23" s="336"/>
      <c r="B23" s="359"/>
      <c r="C23" s="333"/>
      <c r="D23" s="358"/>
      <c r="E23" s="333"/>
      <c r="F23" s="357"/>
    </row>
    <row r="24" spans="1:6" ht="11.1" customHeight="1">
      <c r="A24" s="336"/>
      <c r="B24" s="356"/>
      <c r="C24" s="342"/>
      <c r="D24" s="355"/>
      <c r="E24" s="342"/>
      <c r="F24" s="354"/>
    </row>
    <row r="25" spans="1:6" ht="11.1" customHeight="1">
      <c r="A25" s="336"/>
      <c r="B25" s="353"/>
      <c r="C25" s="338"/>
      <c r="D25" s="352"/>
      <c r="E25" s="338"/>
      <c r="F25" s="351"/>
    </row>
    <row r="26" spans="1:6" ht="11.1" customHeight="1">
      <c r="A26" s="336"/>
      <c r="B26" s="359"/>
      <c r="C26" s="333"/>
      <c r="D26" s="358"/>
      <c r="E26" s="333"/>
      <c r="F26" s="357"/>
    </row>
    <row r="27" spans="1:6" ht="11.1" customHeight="1">
      <c r="A27" s="336"/>
      <c r="B27" s="356"/>
      <c r="C27" s="342"/>
      <c r="D27" s="355"/>
      <c r="E27" s="342"/>
      <c r="F27" s="354"/>
    </row>
    <row r="28" spans="1:6" ht="11.1" customHeight="1">
      <c r="A28" s="336"/>
      <c r="B28" s="353"/>
      <c r="C28" s="338"/>
      <c r="D28" s="352"/>
      <c r="E28" s="338"/>
      <c r="F28" s="351"/>
    </row>
    <row r="29" spans="1:6" ht="11.1" customHeight="1">
      <c r="A29" s="336"/>
      <c r="B29" s="359"/>
      <c r="C29" s="333"/>
      <c r="D29" s="358"/>
      <c r="E29" s="333"/>
      <c r="F29" s="357"/>
    </row>
    <row r="30" spans="1:6" ht="11.1" customHeight="1">
      <c r="A30" s="336"/>
      <c r="B30" s="356"/>
      <c r="C30" s="342"/>
      <c r="D30" s="355"/>
      <c r="E30" s="342"/>
      <c r="F30" s="354"/>
    </row>
    <row r="31" spans="1:6" ht="11.1" customHeight="1">
      <c r="A31" s="336"/>
      <c r="B31" s="353"/>
      <c r="C31" s="338"/>
      <c r="D31" s="352"/>
      <c r="E31" s="338"/>
      <c r="F31" s="351"/>
    </row>
    <row r="32" spans="1:6" ht="11.1" customHeight="1">
      <c r="A32" s="336"/>
      <c r="B32" s="359"/>
      <c r="C32" s="333"/>
      <c r="D32" s="358"/>
      <c r="E32" s="333"/>
      <c r="F32" s="357"/>
    </row>
    <row r="33" spans="1:6" ht="11.1" customHeight="1">
      <c r="A33" s="336"/>
      <c r="B33" s="356"/>
      <c r="C33" s="342"/>
      <c r="D33" s="355"/>
      <c r="E33" s="342"/>
      <c r="F33" s="354"/>
    </row>
    <row r="34" spans="1:6" ht="11.1" customHeight="1">
      <c r="A34" s="336"/>
      <c r="B34" s="353"/>
      <c r="C34" s="338"/>
      <c r="D34" s="352"/>
      <c r="E34" s="338"/>
      <c r="F34" s="351"/>
    </row>
    <row r="35" spans="1:6" ht="11.1" customHeight="1">
      <c r="A35" s="336"/>
      <c r="B35" s="359"/>
      <c r="C35" s="333"/>
      <c r="D35" s="358"/>
      <c r="E35" s="333"/>
      <c r="F35" s="357"/>
    </row>
    <row r="36" spans="1:6" ht="11.1" customHeight="1">
      <c r="A36" s="336"/>
      <c r="B36" s="356"/>
      <c r="C36" s="342"/>
      <c r="D36" s="355"/>
      <c r="E36" s="342"/>
      <c r="F36" s="354"/>
    </row>
    <row r="37" spans="1:6" ht="11.1" customHeight="1">
      <c r="A37" s="336"/>
      <c r="B37" s="353"/>
      <c r="C37" s="338"/>
      <c r="D37" s="352"/>
      <c r="E37" s="338"/>
      <c r="F37" s="351"/>
    </row>
    <row r="38" spans="1:6" ht="11.1" customHeight="1">
      <c r="A38" s="336"/>
      <c r="B38" s="359"/>
      <c r="C38" s="333"/>
      <c r="D38" s="358"/>
      <c r="E38" s="333"/>
      <c r="F38" s="357"/>
    </row>
    <row r="39" spans="1:6" ht="11.1" customHeight="1">
      <c r="A39" s="336"/>
      <c r="B39" s="356"/>
      <c r="C39" s="342"/>
      <c r="D39" s="355"/>
      <c r="E39" s="342"/>
      <c r="F39" s="354"/>
    </row>
    <row r="40" spans="1:6" ht="11.1" customHeight="1">
      <c r="A40" s="336"/>
      <c r="B40" s="353"/>
      <c r="C40" s="338"/>
      <c r="D40" s="352"/>
      <c r="E40" s="338"/>
      <c r="F40" s="351"/>
    </row>
    <row r="41" spans="1:6" ht="11.1" customHeight="1">
      <c r="A41" s="336"/>
      <c r="B41" s="359"/>
      <c r="C41" s="333"/>
      <c r="D41" s="358"/>
      <c r="E41" s="333"/>
      <c r="F41" s="357"/>
    </row>
    <row r="42" spans="1:6" ht="11.1" customHeight="1">
      <c r="A42" s="336"/>
      <c r="B42" s="356"/>
      <c r="C42" s="342"/>
      <c r="D42" s="355"/>
      <c r="E42" s="342"/>
      <c r="F42" s="354"/>
    </row>
    <row r="43" spans="1:6" ht="11.1" customHeight="1">
      <c r="A43" s="336"/>
      <c r="B43" s="353"/>
      <c r="C43" s="338"/>
      <c r="D43" s="352"/>
      <c r="E43" s="338"/>
      <c r="F43" s="351"/>
    </row>
    <row r="44" spans="1:6" ht="11.1" customHeight="1">
      <c r="A44" s="336"/>
      <c r="B44" s="359"/>
      <c r="C44" s="333"/>
      <c r="D44" s="358"/>
      <c r="E44" s="333"/>
      <c r="F44" s="357"/>
    </row>
    <row r="45" spans="1:6" ht="11.1" customHeight="1">
      <c r="A45" s="336"/>
      <c r="B45" s="356"/>
      <c r="C45" s="342"/>
      <c r="D45" s="355"/>
      <c r="E45" s="342"/>
      <c r="F45" s="354"/>
    </row>
    <row r="46" spans="1:6" ht="11.1" customHeight="1">
      <c r="A46" s="336"/>
      <c r="B46" s="353"/>
      <c r="C46" s="338"/>
      <c r="D46" s="352"/>
      <c r="E46" s="338"/>
      <c r="F46" s="351"/>
    </row>
    <row r="47" spans="1:6" ht="11.1" customHeight="1">
      <c r="A47" s="336"/>
      <c r="B47" s="359"/>
      <c r="C47" s="333"/>
      <c r="D47" s="358"/>
      <c r="E47" s="333"/>
      <c r="F47" s="357"/>
    </row>
    <row r="48" spans="1:6" ht="11.1" customHeight="1">
      <c r="A48" s="336"/>
      <c r="B48" s="356"/>
      <c r="C48" s="342"/>
      <c r="D48" s="355"/>
      <c r="E48" s="342"/>
      <c r="F48" s="354"/>
    </row>
    <row r="49" spans="1:6" ht="11.1" customHeight="1">
      <c r="A49" s="336"/>
      <c r="B49" s="353"/>
      <c r="C49" s="338"/>
      <c r="D49" s="352"/>
      <c r="E49" s="338"/>
      <c r="F49" s="351"/>
    </row>
    <row r="50" spans="1:6" ht="11.1" customHeight="1">
      <c r="A50" s="336"/>
      <c r="B50" s="350"/>
      <c r="C50" s="348"/>
      <c r="D50" s="349"/>
      <c r="E50" s="348"/>
      <c r="F50" s="347"/>
    </row>
    <row r="51" spans="1:6" ht="0.95" customHeight="1">
      <c r="B51" s="331"/>
      <c r="C51" s="331"/>
      <c r="D51" s="331"/>
      <c r="E51" s="331"/>
      <c r="F51" s="331"/>
    </row>
  </sheetData>
  <mergeCells count="6">
    <mergeCell ref="B2:F3"/>
    <mergeCell ref="B4:B5"/>
    <mergeCell ref="C4:C5"/>
    <mergeCell ref="E4:E5"/>
    <mergeCell ref="F4:F5"/>
    <mergeCell ref="D4:D5"/>
  </mergeCells>
  <phoneticPr fontId="2"/>
  <pageMargins left="0.70866141732283472" right="0.47244094488188981" top="0.6692913385826772" bottom="0.47244094488188981" header="0.47244094488188981" footer="0.39370078740157483"/>
  <pageSetup paperSize="9"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F51"/>
  <sheetViews>
    <sheetView view="pageBreakPreview" zoomScaleNormal="75" workbookViewId="0">
      <selection activeCell="E8" sqref="E8:E40"/>
    </sheetView>
  </sheetViews>
  <sheetFormatPr defaultRowHeight="11.25"/>
  <cols>
    <col min="1" max="1" width="0.125" style="330" customWidth="1"/>
    <col min="2" max="2" width="41.875" style="330" customWidth="1"/>
    <col min="3" max="3" width="14.875" style="330" customWidth="1"/>
    <col min="4" max="4" width="6.75" style="330" customWidth="1"/>
    <col min="5" max="5" width="35.125" style="330" customWidth="1"/>
    <col min="6" max="6" width="22.375" style="330" customWidth="1"/>
    <col min="7" max="16384" width="9" style="330"/>
  </cols>
  <sheetData>
    <row r="1" spans="1:6" ht="15.95" customHeight="1">
      <c r="B1" s="346" t="s">
        <v>522</v>
      </c>
      <c r="C1" s="346"/>
      <c r="D1" s="346"/>
      <c r="E1" s="346"/>
      <c r="F1" s="345" t="s">
        <v>521</v>
      </c>
    </row>
    <row r="2" spans="1:6" ht="12.6" customHeight="1">
      <c r="A2" s="336"/>
      <c r="B2" s="443"/>
      <c r="C2" s="444"/>
      <c r="D2" s="444"/>
      <c r="E2" s="444"/>
      <c r="F2" s="445"/>
    </row>
    <row r="3" spans="1:6" ht="12.6" customHeight="1">
      <c r="A3" s="336"/>
      <c r="B3" s="443"/>
      <c r="C3" s="444"/>
      <c r="D3" s="444"/>
      <c r="E3" s="444"/>
      <c r="F3" s="445"/>
    </row>
    <row r="4" spans="1:6" ht="10.5" customHeight="1">
      <c r="A4" s="336"/>
      <c r="B4" s="446" t="s">
        <v>512</v>
      </c>
      <c r="C4" s="448" t="s">
        <v>511</v>
      </c>
      <c r="D4" s="448" t="s">
        <v>510</v>
      </c>
      <c r="E4" s="448" t="s">
        <v>509</v>
      </c>
      <c r="F4" s="450" t="s">
        <v>508</v>
      </c>
    </row>
    <row r="5" spans="1:6" ht="10.5" customHeight="1">
      <c r="A5" s="336"/>
      <c r="B5" s="447"/>
      <c r="C5" s="449"/>
      <c r="D5" s="449"/>
      <c r="E5" s="449"/>
      <c r="F5" s="451"/>
    </row>
    <row r="6" spans="1:6" ht="11.1" customHeight="1">
      <c r="A6" s="336" t="s">
        <v>492</v>
      </c>
      <c r="B6" s="340" t="s">
        <v>520</v>
      </c>
      <c r="C6" s="338" t="s">
        <v>492</v>
      </c>
      <c r="D6" s="339" t="s">
        <v>492</v>
      </c>
      <c r="E6" s="338" t="s">
        <v>492</v>
      </c>
      <c r="F6" s="337" t="s">
        <v>492</v>
      </c>
    </row>
    <row r="7" spans="1:6" ht="11.1" customHeight="1">
      <c r="A7" s="336" t="s">
        <v>492</v>
      </c>
      <c r="B7" s="340" t="s">
        <v>492</v>
      </c>
      <c r="C7" s="338" t="s">
        <v>502</v>
      </c>
      <c r="D7" s="339" t="s">
        <v>492</v>
      </c>
      <c r="E7" s="338"/>
      <c r="F7" s="337" t="s">
        <v>492</v>
      </c>
    </row>
    <row r="8" spans="1:6" ht="11.1" customHeight="1">
      <c r="A8" s="336" t="s">
        <v>492</v>
      </c>
      <c r="B8" s="335" t="s">
        <v>492</v>
      </c>
      <c r="C8" s="333" t="s">
        <v>492</v>
      </c>
      <c r="D8" s="334" t="s">
        <v>501</v>
      </c>
      <c r="E8" s="333"/>
      <c r="F8" s="332" t="s">
        <v>492</v>
      </c>
    </row>
    <row r="9" spans="1:6" ht="11.1" customHeight="1">
      <c r="A9" s="336" t="s">
        <v>492</v>
      </c>
      <c r="B9" s="344" t="s">
        <v>519</v>
      </c>
      <c r="C9" s="342" t="s">
        <v>492</v>
      </c>
      <c r="D9" s="343" t="s">
        <v>492</v>
      </c>
      <c r="E9" s="342"/>
      <c r="F9" s="341" t="s">
        <v>492</v>
      </c>
    </row>
    <row r="10" spans="1:6" ht="11.1" customHeight="1">
      <c r="A10" s="336" t="s">
        <v>492</v>
      </c>
      <c r="B10" s="340" t="s">
        <v>492</v>
      </c>
      <c r="C10" s="338" t="s">
        <v>492</v>
      </c>
      <c r="D10" s="339" t="s">
        <v>492</v>
      </c>
      <c r="E10" s="338"/>
      <c r="F10" s="337" t="s">
        <v>492</v>
      </c>
    </row>
    <row r="11" spans="1:6" ht="11.1" customHeight="1">
      <c r="A11" s="336" t="s">
        <v>492</v>
      </c>
      <c r="B11" s="335" t="s">
        <v>492</v>
      </c>
      <c r="C11" s="333" t="s">
        <v>492</v>
      </c>
      <c r="D11" s="334" t="s">
        <v>492</v>
      </c>
      <c r="E11" s="333" t="s">
        <v>492</v>
      </c>
      <c r="F11" s="332" t="s">
        <v>492</v>
      </c>
    </row>
    <row r="12" spans="1:6" ht="11.1" customHeight="1">
      <c r="A12" s="336"/>
      <c r="B12" s="356"/>
      <c r="C12" s="342"/>
      <c r="D12" s="355"/>
      <c r="E12" s="342"/>
      <c r="F12" s="354"/>
    </row>
    <row r="13" spans="1:6" ht="11.1" customHeight="1">
      <c r="A13" s="336"/>
      <c r="B13" s="353"/>
      <c r="C13" s="338"/>
      <c r="D13" s="352"/>
      <c r="E13" s="338"/>
      <c r="F13" s="351"/>
    </row>
    <row r="14" spans="1:6" ht="11.1" customHeight="1">
      <c r="A14" s="336"/>
      <c r="B14" s="359"/>
      <c r="C14" s="333"/>
      <c r="D14" s="358"/>
      <c r="E14" s="333"/>
      <c r="F14" s="357"/>
    </row>
    <row r="15" spans="1:6" ht="11.1" customHeight="1">
      <c r="A15" s="336"/>
      <c r="B15" s="356"/>
      <c r="C15" s="342"/>
      <c r="D15" s="355"/>
      <c r="E15" s="342"/>
      <c r="F15" s="354"/>
    </row>
    <row r="16" spans="1:6" ht="11.1" customHeight="1">
      <c r="A16" s="336"/>
      <c r="B16" s="353"/>
      <c r="C16" s="338"/>
      <c r="D16" s="352"/>
      <c r="E16" s="338"/>
      <c r="F16" s="351"/>
    </row>
    <row r="17" spans="1:6" ht="11.1" customHeight="1">
      <c r="A17" s="336"/>
      <c r="B17" s="359"/>
      <c r="C17" s="333"/>
      <c r="D17" s="358"/>
      <c r="E17" s="333"/>
      <c r="F17" s="357"/>
    </row>
    <row r="18" spans="1:6" ht="11.1" customHeight="1">
      <c r="A18" s="336"/>
      <c r="B18" s="356"/>
      <c r="C18" s="342"/>
      <c r="D18" s="355"/>
      <c r="E18" s="342"/>
      <c r="F18" s="354"/>
    </row>
    <row r="19" spans="1:6" ht="11.1" customHeight="1">
      <c r="A19" s="336"/>
      <c r="B19" s="353"/>
      <c r="C19" s="338"/>
      <c r="D19" s="352"/>
      <c r="E19" s="338"/>
      <c r="F19" s="351"/>
    </row>
    <row r="20" spans="1:6" ht="11.1" customHeight="1">
      <c r="A20" s="336"/>
      <c r="B20" s="359"/>
      <c r="C20" s="333"/>
      <c r="D20" s="358"/>
      <c r="E20" s="333"/>
      <c r="F20" s="357"/>
    </row>
    <row r="21" spans="1:6" ht="11.1" customHeight="1">
      <c r="A21" s="336"/>
      <c r="B21" s="356"/>
      <c r="C21" s="342"/>
      <c r="D21" s="355"/>
      <c r="E21" s="342"/>
      <c r="F21" s="354"/>
    </row>
    <row r="22" spans="1:6" ht="11.1" customHeight="1">
      <c r="A22" s="336"/>
      <c r="B22" s="353"/>
      <c r="C22" s="338"/>
      <c r="D22" s="352"/>
      <c r="E22" s="338"/>
      <c r="F22" s="351"/>
    </row>
    <row r="23" spans="1:6" ht="11.1" customHeight="1">
      <c r="A23" s="336"/>
      <c r="B23" s="359"/>
      <c r="C23" s="333"/>
      <c r="D23" s="358"/>
      <c r="E23" s="333"/>
      <c r="F23" s="357"/>
    </row>
    <row r="24" spans="1:6" ht="11.1" customHeight="1">
      <c r="A24" s="336"/>
      <c r="B24" s="356"/>
      <c r="C24" s="342"/>
      <c r="D24" s="355"/>
      <c r="E24" s="342"/>
      <c r="F24" s="354"/>
    </row>
    <row r="25" spans="1:6" ht="11.1" customHeight="1">
      <c r="A25" s="336"/>
      <c r="B25" s="353"/>
      <c r="C25" s="338"/>
      <c r="D25" s="352"/>
      <c r="E25" s="338"/>
      <c r="F25" s="351"/>
    </row>
    <row r="26" spans="1:6" ht="11.1" customHeight="1">
      <c r="A26" s="336"/>
      <c r="B26" s="359"/>
      <c r="C26" s="333"/>
      <c r="D26" s="358"/>
      <c r="E26" s="333"/>
      <c r="F26" s="357"/>
    </row>
    <row r="27" spans="1:6" ht="11.1" customHeight="1">
      <c r="A27" s="336"/>
      <c r="B27" s="356"/>
      <c r="C27" s="342"/>
      <c r="D27" s="355"/>
      <c r="E27" s="342"/>
      <c r="F27" s="354"/>
    </row>
    <row r="28" spans="1:6" ht="11.1" customHeight="1">
      <c r="A28" s="336"/>
      <c r="B28" s="353"/>
      <c r="C28" s="338"/>
      <c r="D28" s="352"/>
      <c r="E28" s="338"/>
      <c r="F28" s="351"/>
    </row>
    <row r="29" spans="1:6" ht="11.1" customHeight="1">
      <c r="A29" s="336"/>
      <c r="B29" s="359"/>
      <c r="C29" s="333"/>
      <c r="D29" s="358"/>
      <c r="E29" s="333"/>
      <c r="F29" s="357"/>
    </row>
    <row r="30" spans="1:6" ht="11.1" customHeight="1">
      <c r="A30" s="336"/>
      <c r="B30" s="356"/>
      <c r="C30" s="342"/>
      <c r="D30" s="355"/>
      <c r="E30" s="342"/>
      <c r="F30" s="354"/>
    </row>
    <row r="31" spans="1:6" ht="11.1" customHeight="1">
      <c r="A31" s="336"/>
      <c r="B31" s="353"/>
      <c r="C31" s="338"/>
      <c r="D31" s="352"/>
      <c r="E31" s="338"/>
      <c r="F31" s="351"/>
    </row>
    <row r="32" spans="1:6" ht="11.1" customHeight="1">
      <c r="A32" s="336"/>
      <c r="B32" s="359"/>
      <c r="C32" s="333"/>
      <c r="D32" s="358"/>
      <c r="E32" s="333"/>
      <c r="F32" s="357"/>
    </row>
    <row r="33" spans="1:6" ht="11.1" customHeight="1">
      <c r="A33" s="336"/>
      <c r="B33" s="356"/>
      <c r="C33" s="342"/>
      <c r="D33" s="355"/>
      <c r="E33" s="342"/>
      <c r="F33" s="354"/>
    </row>
    <row r="34" spans="1:6" ht="11.1" customHeight="1">
      <c r="A34" s="336"/>
      <c r="B34" s="353"/>
      <c r="C34" s="338"/>
      <c r="D34" s="352"/>
      <c r="E34" s="338"/>
      <c r="F34" s="351"/>
    </row>
    <row r="35" spans="1:6" ht="11.1" customHeight="1">
      <c r="A35" s="336"/>
      <c r="B35" s="359"/>
      <c r="C35" s="333"/>
      <c r="D35" s="358"/>
      <c r="E35" s="333"/>
      <c r="F35" s="357"/>
    </row>
    <row r="36" spans="1:6" ht="11.1" customHeight="1">
      <c r="A36" s="336"/>
      <c r="B36" s="356"/>
      <c r="C36" s="342"/>
      <c r="D36" s="355"/>
      <c r="E36" s="342"/>
      <c r="F36" s="354"/>
    </row>
    <row r="37" spans="1:6" ht="11.1" customHeight="1">
      <c r="A37" s="336"/>
      <c r="B37" s="353"/>
      <c r="C37" s="338"/>
      <c r="D37" s="352"/>
      <c r="E37" s="338"/>
      <c r="F37" s="351"/>
    </row>
    <row r="38" spans="1:6" ht="11.1" customHeight="1">
      <c r="A38" s="336"/>
      <c r="B38" s="359"/>
      <c r="C38" s="333"/>
      <c r="D38" s="358"/>
      <c r="E38" s="333"/>
      <c r="F38" s="357"/>
    </row>
    <row r="39" spans="1:6" ht="11.1" customHeight="1">
      <c r="A39" s="336"/>
      <c r="B39" s="356"/>
      <c r="C39" s="342"/>
      <c r="D39" s="355"/>
      <c r="E39" s="342"/>
      <c r="F39" s="354"/>
    </row>
    <row r="40" spans="1:6" ht="11.1" customHeight="1">
      <c r="A40" s="336"/>
      <c r="B40" s="353"/>
      <c r="C40" s="338"/>
      <c r="D40" s="352"/>
      <c r="E40" s="338"/>
      <c r="F40" s="351"/>
    </row>
    <row r="41" spans="1:6" ht="11.1" customHeight="1">
      <c r="A41" s="336"/>
      <c r="B41" s="359"/>
      <c r="C41" s="333"/>
      <c r="D41" s="358"/>
      <c r="E41" s="333"/>
      <c r="F41" s="357"/>
    </row>
    <row r="42" spans="1:6" ht="11.1" customHeight="1">
      <c r="A42" s="336"/>
      <c r="B42" s="356"/>
      <c r="C42" s="342"/>
      <c r="D42" s="355"/>
      <c r="E42" s="342"/>
      <c r="F42" s="354"/>
    </row>
    <row r="43" spans="1:6" ht="11.1" customHeight="1">
      <c r="A43" s="336"/>
      <c r="B43" s="353"/>
      <c r="C43" s="338"/>
      <c r="D43" s="352"/>
      <c r="E43" s="338"/>
      <c r="F43" s="351"/>
    </row>
    <row r="44" spans="1:6" ht="11.1" customHeight="1">
      <c r="A44" s="336"/>
      <c r="B44" s="359"/>
      <c r="C44" s="333"/>
      <c r="D44" s="358"/>
      <c r="E44" s="333"/>
      <c r="F44" s="357"/>
    </row>
    <row r="45" spans="1:6" ht="11.1" customHeight="1">
      <c r="A45" s="336"/>
      <c r="B45" s="356"/>
      <c r="C45" s="342"/>
      <c r="D45" s="355"/>
      <c r="E45" s="342"/>
      <c r="F45" s="354"/>
    </row>
    <row r="46" spans="1:6" ht="11.1" customHeight="1">
      <c r="A46" s="336"/>
      <c r="B46" s="353"/>
      <c r="C46" s="338"/>
      <c r="D46" s="352"/>
      <c r="E46" s="338"/>
      <c r="F46" s="351"/>
    </row>
    <row r="47" spans="1:6" ht="11.1" customHeight="1">
      <c r="A47" s="336"/>
      <c r="B47" s="359"/>
      <c r="C47" s="333"/>
      <c r="D47" s="358"/>
      <c r="E47" s="333"/>
      <c r="F47" s="357"/>
    </row>
    <row r="48" spans="1:6" ht="11.1" customHeight="1">
      <c r="A48" s="336"/>
      <c r="B48" s="356"/>
      <c r="C48" s="342"/>
      <c r="D48" s="355"/>
      <c r="E48" s="342"/>
      <c r="F48" s="354"/>
    </row>
    <row r="49" spans="1:6" ht="11.1" customHeight="1">
      <c r="A49" s="336"/>
      <c r="B49" s="353"/>
      <c r="C49" s="338"/>
      <c r="D49" s="352"/>
      <c r="E49" s="338"/>
      <c r="F49" s="351"/>
    </row>
    <row r="50" spans="1:6" ht="11.1" customHeight="1">
      <c r="A50" s="336"/>
      <c r="B50" s="350"/>
      <c r="C50" s="348"/>
      <c r="D50" s="349"/>
      <c r="E50" s="348"/>
      <c r="F50" s="347"/>
    </row>
    <row r="51" spans="1:6" ht="0.95" customHeight="1">
      <c r="B51" s="331"/>
      <c r="C51" s="331"/>
      <c r="D51" s="331"/>
      <c r="E51" s="331"/>
      <c r="F51" s="331"/>
    </row>
  </sheetData>
  <mergeCells count="6">
    <mergeCell ref="B2:F3"/>
    <mergeCell ref="B4:B5"/>
    <mergeCell ref="C4:C5"/>
    <mergeCell ref="E4:E5"/>
    <mergeCell ref="F4:F5"/>
    <mergeCell ref="D4:D5"/>
  </mergeCells>
  <phoneticPr fontId="2"/>
  <pageMargins left="0.70866141732283472" right="0.47244094488188981" top="0.6692913385826772" bottom="0.47244094488188981" header="0.47244094488188981" footer="0.39370078740157483"/>
  <pageSetup paperSize="9"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F51"/>
  <sheetViews>
    <sheetView view="pageBreakPreview" zoomScaleNormal="75" workbookViewId="0">
      <selection activeCell="E8" sqref="E8:E40"/>
    </sheetView>
  </sheetViews>
  <sheetFormatPr defaultRowHeight="11.25"/>
  <cols>
    <col min="1" max="1" width="0.125" style="330" customWidth="1"/>
    <col min="2" max="2" width="41.875" style="330" customWidth="1"/>
    <col min="3" max="3" width="14.875" style="330" customWidth="1"/>
    <col min="4" max="4" width="6.75" style="330" customWidth="1"/>
    <col min="5" max="5" width="35.125" style="330" customWidth="1"/>
    <col min="6" max="6" width="22.375" style="330" customWidth="1"/>
    <col min="7" max="16384" width="9" style="330"/>
  </cols>
  <sheetData>
    <row r="1" spans="1:6" ht="15.95" customHeight="1">
      <c r="B1" s="346" t="s">
        <v>529</v>
      </c>
      <c r="C1" s="346"/>
      <c r="D1" s="346"/>
      <c r="E1" s="346"/>
      <c r="F1" s="345" t="s">
        <v>528</v>
      </c>
    </row>
    <row r="2" spans="1:6" ht="12.6" customHeight="1">
      <c r="A2" s="336"/>
      <c r="B2" s="443" t="s">
        <v>527</v>
      </c>
      <c r="C2" s="444"/>
      <c r="D2" s="444"/>
      <c r="E2" s="444"/>
      <c r="F2" s="445"/>
    </row>
    <row r="3" spans="1:6" ht="12.6" customHeight="1">
      <c r="A3" s="336"/>
      <c r="B3" s="443"/>
      <c r="C3" s="444"/>
      <c r="D3" s="444"/>
      <c r="E3" s="444"/>
      <c r="F3" s="445"/>
    </row>
    <row r="4" spans="1:6" ht="10.5" customHeight="1">
      <c r="A4" s="336"/>
      <c r="B4" s="446" t="s">
        <v>512</v>
      </c>
      <c r="C4" s="448" t="s">
        <v>511</v>
      </c>
      <c r="D4" s="448" t="s">
        <v>510</v>
      </c>
      <c r="E4" s="448" t="s">
        <v>509</v>
      </c>
      <c r="F4" s="450" t="s">
        <v>508</v>
      </c>
    </row>
    <row r="5" spans="1:6" ht="10.5" customHeight="1">
      <c r="A5" s="336"/>
      <c r="B5" s="447"/>
      <c r="C5" s="449"/>
      <c r="D5" s="449"/>
      <c r="E5" s="449"/>
      <c r="F5" s="451"/>
    </row>
    <row r="6" spans="1:6" ht="11.1" customHeight="1">
      <c r="A6" s="336" t="s">
        <v>492</v>
      </c>
      <c r="B6" s="340" t="s">
        <v>526</v>
      </c>
      <c r="C6" s="338" t="s">
        <v>492</v>
      </c>
      <c r="D6" s="339" t="s">
        <v>492</v>
      </c>
      <c r="E6" s="338"/>
      <c r="F6" s="337" t="s">
        <v>492</v>
      </c>
    </row>
    <row r="7" spans="1:6" ht="11.1" customHeight="1">
      <c r="A7" s="336" t="s">
        <v>492</v>
      </c>
      <c r="B7" s="340" t="s">
        <v>492</v>
      </c>
      <c r="C7" s="338" t="s">
        <v>502</v>
      </c>
      <c r="D7" s="339" t="s">
        <v>492</v>
      </c>
      <c r="E7" s="338"/>
      <c r="F7" s="337" t="s">
        <v>492</v>
      </c>
    </row>
    <row r="8" spans="1:6" ht="11.1" customHeight="1">
      <c r="A8" s="336" t="s">
        <v>492</v>
      </c>
      <c r="B8" s="335" t="s">
        <v>492</v>
      </c>
      <c r="C8" s="333" t="s">
        <v>492</v>
      </c>
      <c r="D8" s="334" t="s">
        <v>497</v>
      </c>
      <c r="E8" s="333"/>
      <c r="F8" s="332" t="s">
        <v>492</v>
      </c>
    </row>
    <row r="9" spans="1:6" ht="11.1" customHeight="1">
      <c r="A9" s="336" t="s">
        <v>492</v>
      </c>
      <c r="B9" s="340" t="s">
        <v>525</v>
      </c>
      <c r="C9" s="338" t="s">
        <v>492</v>
      </c>
      <c r="D9" s="339" t="s">
        <v>492</v>
      </c>
      <c r="E9" s="338"/>
      <c r="F9" s="337" t="s">
        <v>492</v>
      </c>
    </row>
    <row r="10" spans="1:6" ht="11.1" customHeight="1">
      <c r="A10" s="336" t="s">
        <v>492</v>
      </c>
      <c r="B10" s="340" t="s">
        <v>492</v>
      </c>
      <c r="C10" s="338" t="s">
        <v>498</v>
      </c>
      <c r="D10" s="339" t="s">
        <v>492</v>
      </c>
      <c r="E10" s="338"/>
      <c r="F10" s="337" t="s">
        <v>492</v>
      </c>
    </row>
    <row r="11" spans="1:6" ht="11.1" customHeight="1">
      <c r="A11" s="336" t="s">
        <v>492</v>
      </c>
      <c r="B11" s="335" t="s">
        <v>492</v>
      </c>
      <c r="C11" s="333" t="s">
        <v>492</v>
      </c>
      <c r="D11" s="334" t="s">
        <v>497</v>
      </c>
      <c r="E11" s="333"/>
      <c r="F11" s="332" t="s">
        <v>492</v>
      </c>
    </row>
    <row r="12" spans="1:6" ht="11.1" customHeight="1">
      <c r="A12" s="336" t="s">
        <v>492</v>
      </c>
      <c r="B12" s="340" t="s">
        <v>524</v>
      </c>
      <c r="C12" s="338" t="s">
        <v>492</v>
      </c>
      <c r="D12" s="339" t="s">
        <v>492</v>
      </c>
      <c r="E12" s="338"/>
      <c r="F12" s="337" t="s">
        <v>492</v>
      </c>
    </row>
    <row r="13" spans="1:6" ht="11.1" customHeight="1">
      <c r="A13" s="336" t="s">
        <v>492</v>
      </c>
      <c r="B13" s="340" t="s">
        <v>492</v>
      </c>
      <c r="C13" s="338" t="s">
        <v>498</v>
      </c>
      <c r="D13" s="339" t="s">
        <v>492</v>
      </c>
      <c r="E13" s="338"/>
      <c r="F13" s="337" t="s">
        <v>492</v>
      </c>
    </row>
    <row r="14" spans="1:6" ht="11.1" customHeight="1">
      <c r="A14" s="336" t="s">
        <v>492</v>
      </c>
      <c r="B14" s="335" t="s">
        <v>492</v>
      </c>
      <c r="C14" s="333" t="s">
        <v>492</v>
      </c>
      <c r="D14" s="334" t="s">
        <v>501</v>
      </c>
      <c r="E14" s="333"/>
      <c r="F14" s="332" t="s">
        <v>492</v>
      </c>
    </row>
    <row r="15" spans="1:6" ht="11.1" customHeight="1">
      <c r="A15" s="336" t="s">
        <v>492</v>
      </c>
      <c r="B15" s="340" t="s">
        <v>523</v>
      </c>
      <c r="C15" s="338" t="s">
        <v>492</v>
      </c>
      <c r="D15" s="339" t="s">
        <v>492</v>
      </c>
      <c r="E15" s="338"/>
      <c r="F15" s="337" t="s">
        <v>492</v>
      </c>
    </row>
    <row r="16" spans="1:6" ht="11.1" customHeight="1">
      <c r="A16" s="336" t="s">
        <v>492</v>
      </c>
      <c r="B16" s="340" t="s">
        <v>492</v>
      </c>
      <c r="C16" s="338" t="s">
        <v>498</v>
      </c>
      <c r="D16" s="339" t="s">
        <v>492</v>
      </c>
      <c r="E16" s="338"/>
      <c r="F16" s="337" t="s">
        <v>492</v>
      </c>
    </row>
    <row r="17" spans="1:6" ht="11.1" customHeight="1">
      <c r="A17" s="336" t="s">
        <v>492</v>
      </c>
      <c r="B17" s="335" t="s">
        <v>492</v>
      </c>
      <c r="C17" s="333" t="s">
        <v>492</v>
      </c>
      <c r="D17" s="334" t="s">
        <v>497</v>
      </c>
      <c r="E17" s="333"/>
      <c r="F17" s="332" t="s">
        <v>492</v>
      </c>
    </row>
    <row r="18" spans="1:6" ht="11.1" customHeight="1">
      <c r="A18" s="336" t="s">
        <v>492</v>
      </c>
      <c r="B18" s="344" t="s">
        <v>515</v>
      </c>
      <c r="C18" s="342" t="s">
        <v>492</v>
      </c>
      <c r="D18" s="343" t="s">
        <v>492</v>
      </c>
      <c r="E18" s="342"/>
      <c r="F18" s="341" t="s">
        <v>492</v>
      </c>
    </row>
    <row r="19" spans="1:6" ht="11.1" customHeight="1">
      <c r="A19" s="336" t="s">
        <v>492</v>
      </c>
      <c r="B19" s="340" t="s">
        <v>492</v>
      </c>
      <c r="C19" s="338" t="s">
        <v>492</v>
      </c>
      <c r="D19" s="339" t="s">
        <v>492</v>
      </c>
      <c r="E19" s="338"/>
      <c r="F19" s="337" t="s">
        <v>492</v>
      </c>
    </row>
    <row r="20" spans="1:6" ht="11.1" customHeight="1">
      <c r="A20" s="336" t="s">
        <v>492</v>
      </c>
      <c r="B20" s="335" t="s">
        <v>492</v>
      </c>
      <c r="C20" s="333" t="s">
        <v>492</v>
      </c>
      <c r="D20" s="334" t="s">
        <v>492</v>
      </c>
      <c r="E20" s="333"/>
      <c r="F20" s="332" t="s">
        <v>492</v>
      </c>
    </row>
    <row r="21" spans="1:6" ht="11.1" customHeight="1">
      <c r="A21" s="336"/>
      <c r="B21" s="356"/>
      <c r="C21" s="342"/>
      <c r="D21" s="355"/>
      <c r="E21" s="342"/>
      <c r="F21" s="354"/>
    </row>
    <row r="22" spans="1:6" ht="11.1" customHeight="1">
      <c r="A22" s="336"/>
      <c r="B22" s="353"/>
      <c r="C22" s="338"/>
      <c r="D22" s="352"/>
      <c r="E22" s="338"/>
      <c r="F22" s="351"/>
    </row>
    <row r="23" spans="1:6" ht="11.1" customHeight="1">
      <c r="A23" s="336"/>
      <c r="B23" s="359"/>
      <c r="C23" s="333"/>
      <c r="D23" s="358"/>
      <c r="E23" s="333"/>
      <c r="F23" s="357"/>
    </row>
    <row r="24" spans="1:6" ht="11.1" customHeight="1">
      <c r="A24" s="336"/>
      <c r="B24" s="356"/>
      <c r="C24" s="342"/>
      <c r="D24" s="355"/>
      <c r="E24" s="342"/>
      <c r="F24" s="354"/>
    </row>
    <row r="25" spans="1:6" ht="11.1" customHeight="1">
      <c r="A25" s="336"/>
      <c r="B25" s="353"/>
      <c r="C25" s="338"/>
      <c r="D25" s="352"/>
      <c r="E25" s="338"/>
      <c r="F25" s="351"/>
    </row>
    <row r="26" spans="1:6" ht="11.1" customHeight="1">
      <c r="A26" s="336"/>
      <c r="B26" s="359"/>
      <c r="C26" s="333"/>
      <c r="D26" s="358"/>
      <c r="E26" s="333"/>
      <c r="F26" s="357"/>
    </row>
    <row r="27" spans="1:6" ht="11.1" customHeight="1">
      <c r="A27" s="336"/>
      <c r="B27" s="356"/>
      <c r="C27" s="342"/>
      <c r="D27" s="355"/>
      <c r="E27" s="342"/>
      <c r="F27" s="354"/>
    </row>
    <row r="28" spans="1:6" ht="11.1" customHeight="1">
      <c r="A28" s="336"/>
      <c r="B28" s="353"/>
      <c r="C28" s="338"/>
      <c r="D28" s="352"/>
      <c r="E28" s="338"/>
      <c r="F28" s="351"/>
    </row>
    <row r="29" spans="1:6" ht="11.1" customHeight="1">
      <c r="A29" s="336"/>
      <c r="B29" s="359"/>
      <c r="C29" s="333"/>
      <c r="D29" s="358"/>
      <c r="E29" s="333"/>
      <c r="F29" s="357"/>
    </row>
    <row r="30" spans="1:6" ht="11.1" customHeight="1">
      <c r="A30" s="336"/>
      <c r="B30" s="356"/>
      <c r="C30" s="342"/>
      <c r="D30" s="355"/>
      <c r="E30" s="342"/>
      <c r="F30" s="354"/>
    </row>
    <row r="31" spans="1:6" ht="11.1" customHeight="1">
      <c r="A31" s="336"/>
      <c r="B31" s="353"/>
      <c r="C31" s="338"/>
      <c r="D31" s="352"/>
      <c r="E31" s="338"/>
      <c r="F31" s="351"/>
    </row>
    <row r="32" spans="1:6" ht="11.1" customHeight="1">
      <c r="A32" s="336"/>
      <c r="B32" s="359"/>
      <c r="C32" s="333"/>
      <c r="D32" s="358"/>
      <c r="E32" s="333"/>
      <c r="F32" s="357"/>
    </row>
    <row r="33" spans="1:6" ht="11.1" customHeight="1">
      <c r="A33" s="336"/>
      <c r="B33" s="356"/>
      <c r="C33" s="342"/>
      <c r="D33" s="355"/>
      <c r="E33" s="342"/>
      <c r="F33" s="354"/>
    </row>
    <row r="34" spans="1:6" ht="11.1" customHeight="1">
      <c r="A34" s="336"/>
      <c r="B34" s="353"/>
      <c r="C34" s="338"/>
      <c r="D34" s="352"/>
      <c r="E34" s="338"/>
      <c r="F34" s="351"/>
    </row>
    <row r="35" spans="1:6" ht="11.1" customHeight="1">
      <c r="A35" s="336"/>
      <c r="B35" s="359"/>
      <c r="C35" s="333"/>
      <c r="D35" s="358"/>
      <c r="E35" s="333"/>
      <c r="F35" s="357"/>
    </row>
    <row r="36" spans="1:6" ht="11.1" customHeight="1">
      <c r="A36" s="336"/>
      <c r="B36" s="356"/>
      <c r="C36" s="342"/>
      <c r="D36" s="355"/>
      <c r="E36" s="342"/>
      <c r="F36" s="354"/>
    </row>
    <row r="37" spans="1:6" ht="11.1" customHeight="1">
      <c r="A37" s="336"/>
      <c r="B37" s="353"/>
      <c r="C37" s="338"/>
      <c r="D37" s="352"/>
      <c r="E37" s="338"/>
      <c r="F37" s="351"/>
    </row>
    <row r="38" spans="1:6" ht="11.1" customHeight="1">
      <c r="A38" s="336"/>
      <c r="B38" s="359"/>
      <c r="C38" s="333"/>
      <c r="D38" s="358"/>
      <c r="E38" s="333"/>
      <c r="F38" s="357"/>
    </row>
    <row r="39" spans="1:6" ht="11.1" customHeight="1">
      <c r="A39" s="336"/>
      <c r="B39" s="356"/>
      <c r="C39" s="342"/>
      <c r="D39" s="355"/>
      <c r="E39" s="342"/>
      <c r="F39" s="354"/>
    </row>
    <row r="40" spans="1:6" ht="11.1" customHeight="1">
      <c r="A40" s="336"/>
      <c r="B40" s="353"/>
      <c r="C40" s="338"/>
      <c r="D40" s="352"/>
      <c r="E40" s="338"/>
      <c r="F40" s="351"/>
    </row>
    <row r="41" spans="1:6" ht="11.1" customHeight="1">
      <c r="A41" s="336"/>
      <c r="B41" s="359"/>
      <c r="C41" s="333"/>
      <c r="D41" s="358"/>
      <c r="E41" s="333"/>
      <c r="F41" s="357"/>
    </row>
    <row r="42" spans="1:6" ht="11.1" customHeight="1">
      <c r="A42" s="336"/>
      <c r="B42" s="356"/>
      <c r="C42" s="342"/>
      <c r="D42" s="355"/>
      <c r="E42" s="342"/>
      <c r="F42" s="354"/>
    </row>
    <row r="43" spans="1:6" ht="11.1" customHeight="1">
      <c r="A43" s="336"/>
      <c r="B43" s="353"/>
      <c r="C43" s="338"/>
      <c r="D43" s="352"/>
      <c r="E43" s="338"/>
      <c r="F43" s="351"/>
    </row>
    <row r="44" spans="1:6" ht="11.1" customHeight="1">
      <c r="A44" s="336"/>
      <c r="B44" s="359"/>
      <c r="C44" s="333"/>
      <c r="D44" s="358"/>
      <c r="E44" s="333"/>
      <c r="F44" s="357"/>
    </row>
    <row r="45" spans="1:6" ht="11.1" customHeight="1">
      <c r="A45" s="336"/>
      <c r="B45" s="356"/>
      <c r="C45" s="342"/>
      <c r="D45" s="355"/>
      <c r="E45" s="342"/>
      <c r="F45" s="354"/>
    </row>
    <row r="46" spans="1:6" ht="11.1" customHeight="1">
      <c r="A46" s="336"/>
      <c r="B46" s="353"/>
      <c r="C46" s="338"/>
      <c r="D46" s="352"/>
      <c r="E46" s="338"/>
      <c r="F46" s="351"/>
    </row>
    <row r="47" spans="1:6" ht="11.1" customHeight="1">
      <c r="A47" s="336"/>
      <c r="B47" s="359"/>
      <c r="C47" s="333"/>
      <c r="D47" s="358"/>
      <c r="E47" s="333"/>
      <c r="F47" s="357"/>
    </row>
    <row r="48" spans="1:6" ht="11.1" customHeight="1">
      <c r="A48" s="336"/>
      <c r="B48" s="356"/>
      <c r="C48" s="342"/>
      <c r="D48" s="355"/>
      <c r="E48" s="342"/>
      <c r="F48" s="354"/>
    </row>
    <row r="49" spans="1:6" ht="11.1" customHeight="1">
      <c r="A49" s="336"/>
      <c r="B49" s="353"/>
      <c r="C49" s="338"/>
      <c r="D49" s="352"/>
      <c r="E49" s="338"/>
      <c r="F49" s="351"/>
    </row>
    <row r="50" spans="1:6" ht="11.1" customHeight="1">
      <c r="A50" s="336"/>
      <c r="B50" s="350"/>
      <c r="C50" s="348"/>
      <c r="D50" s="349"/>
      <c r="E50" s="348"/>
      <c r="F50" s="347"/>
    </row>
    <row r="51" spans="1:6" ht="0.95" customHeight="1">
      <c r="B51" s="331"/>
      <c r="C51" s="331"/>
      <c r="D51" s="331"/>
      <c r="E51" s="331"/>
      <c r="F51" s="331"/>
    </row>
  </sheetData>
  <mergeCells count="6">
    <mergeCell ref="B2:F3"/>
    <mergeCell ref="B4:B5"/>
    <mergeCell ref="C4:C5"/>
    <mergeCell ref="E4:E5"/>
    <mergeCell ref="F4:F5"/>
    <mergeCell ref="D4:D5"/>
  </mergeCells>
  <phoneticPr fontId="2"/>
  <pageMargins left="0.70866141732283472" right="0.47244094488188981" top="0.6692913385826772" bottom="0.47244094488188981" header="0.47244094488188981" footer="0.39370078740157483"/>
  <pageSetup paperSize="9"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3"/>
  </sheetPr>
  <dimension ref="A1:G51"/>
  <sheetViews>
    <sheetView view="pageBreakPreview" topLeftCell="A4" zoomScaleNormal="75" workbookViewId="0">
      <selection activeCell="E8" sqref="E8:E40"/>
    </sheetView>
  </sheetViews>
  <sheetFormatPr defaultRowHeight="11.25"/>
  <cols>
    <col min="1" max="1" width="0.125" style="330" customWidth="1"/>
    <col min="2" max="3" width="24.625" style="330" customWidth="1"/>
    <col min="4" max="4" width="14.875" style="330" customWidth="1"/>
    <col min="5" max="5" width="6.75" style="330" customWidth="1"/>
    <col min="6" max="6" width="27.625" style="330" customWidth="1"/>
    <col min="7" max="7" width="22.375" style="330" customWidth="1"/>
    <col min="8" max="16384" width="9" style="330"/>
  </cols>
  <sheetData>
    <row r="1" spans="1:7" ht="15.95" customHeight="1">
      <c r="B1" s="346" t="s">
        <v>540</v>
      </c>
      <c r="C1" s="346"/>
      <c r="D1" s="346"/>
      <c r="E1" s="346"/>
      <c r="F1" s="346"/>
      <c r="G1" s="345" t="s">
        <v>539</v>
      </c>
    </row>
    <row r="2" spans="1:7" ht="12.6" customHeight="1">
      <c r="A2" s="336"/>
      <c r="B2" s="443" t="s">
        <v>538</v>
      </c>
      <c r="C2" s="444"/>
      <c r="D2" s="444"/>
      <c r="E2" s="444"/>
      <c r="F2" s="444"/>
      <c r="G2" s="445"/>
    </row>
    <row r="3" spans="1:7" ht="12.6" customHeight="1">
      <c r="A3" s="336"/>
      <c r="B3" s="443"/>
      <c r="C3" s="444"/>
      <c r="D3" s="444"/>
      <c r="E3" s="444"/>
      <c r="F3" s="444"/>
      <c r="G3" s="445"/>
    </row>
    <row r="4" spans="1:7" ht="10.5" customHeight="1">
      <c r="A4" s="336"/>
      <c r="B4" s="446" t="s">
        <v>537</v>
      </c>
      <c r="C4" s="448" t="s">
        <v>536</v>
      </c>
      <c r="D4" s="448" t="s">
        <v>511</v>
      </c>
      <c r="E4" s="448" t="s">
        <v>510</v>
      </c>
      <c r="F4" s="448" t="s">
        <v>509</v>
      </c>
      <c r="G4" s="450" t="s">
        <v>508</v>
      </c>
    </row>
    <row r="5" spans="1:7" ht="10.5" customHeight="1">
      <c r="A5" s="336"/>
      <c r="B5" s="447"/>
      <c r="C5" s="449"/>
      <c r="D5" s="449"/>
      <c r="E5" s="449"/>
      <c r="F5" s="449"/>
      <c r="G5" s="451"/>
    </row>
    <row r="6" spans="1:7" ht="11.1" customHeight="1">
      <c r="A6" s="336" t="s">
        <v>492</v>
      </c>
      <c r="B6" s="340" t="s">
        <v>535</v>
      </c>
      <c r="C6" s="365" t="s">
        <v>534</v>
      </c>
      <c r="D6" s="338" t="s">
        <v>492</v>
      </c>
      <c r="E6" s="339" t="s">
        <v>492</v>
      </c>
      <c r="F6" s="338" t="s">
        <v>492</v>
      </c>
      <c r="G6" s="337" t="s">
        <v>492</v>
      </c>
    </row>
    <row r="7" spans="1:7" ht="11.1" customHeight="1">
      <c r="A7" s="336" t="s">
        <v>492</v>
      </c>
      <c r="B7" s="340" t="s">
        <v>492</v>
      </c>
      <c r="C7" s="365" t="s">
        <v>492</v>
      </c>
      <c r="D7" s="338" t="s">
        <v>498</v>
      </c>
      <c r="E7" s="339" t="s">
        <v>492</v>
      </c>
      <c r="F7" s="338"/>
      <c r="G7" s="337" t="s">
        <v>492</v>
      </c>
    </row>
    <row r="8" spans="1:7" ht="11.1" customHeight="1">
      <c r="A8" s="336" t="s">
        <v>492</v>
      </c>
      <c r="B8" s="335" t="s">
        <v>492</v>
      </c>
      <c r="C8" s="364" t="s">
        <v>492</v>
      </c>
      <c r="D8" s="333" t="s">
        <v>492</v>
      </c>
      <c r="E8" s="334" t="s">
        <v>497</v>
      </c>
      <c r="F8" s="333"/>
      <c r="G8" s="332" t="s">
        <v>492</v>
      </c>
    </row>
    <row r="9" spans="1:7" ht="11.1" customHeight="1">
      <c r="A9" s="336" t="s">
        <v>492</v>
      </c>
      <c r="B9" s="340" t="s">
        <v>526</v>
      </c>
      <c r="C9" s="365" t="s">
        <v>533</v>
      </c>
      <c r="D9" s="338" t="s">
        <v>492</v>
      </c>
      <c r="E9" s="339" t="s">
        <v>492</v>
      </c>
      <c r="F9" s="338"/>
      <c r="G9" s="337" t="s">
        <v>492</v>
      </c>
    </row>
    <row r="10" spans="1:7" ht="11.1" customHeight="1">
      <c r="A10" s="336" t="s">
        <v>492</v>
      </c>
      <c r="B10" s="340" t="s">
        <v>492</v>
      </c>
      <c r="C10" s="365" t="s">
        <v>492</v>
      </c>
      <c r="D10" s="338" t="s">
        <v>531</v>
      </c>
      <c r="E10" s="339" t="s">
        <v>492</v>
      </c>
      <c r="F10" s="338"/>
      <c r="G10" s="337" t="s">
        <v>492</v>
      </c>
    </row>
    <row r="11" spans="1:7" ht="11.1" customHeight="1">
      <c r="A11" s="336" t="s">
        <v>492</v>
      </c>
      <c r="B11" s="335" t="s">
        <v>492</v>
      </c>
      <c r="C11" s="364" t="s">
        <v>492</v>
      </c>
      <c r="D11" s="333" t="s">
        <v>492</v>
      </c>
      <c r="E11" s="334" t="s">
        <v>497</v>
      </c>
      <c r="F11" s="333"/>
      <c r="G11" s="332" t="s">
        <v>492</v>
      </c>
    </row>
    <row r="12" spans="1:7" ht="11.1" customHeight="1">
      <c r="A12" s="336" t="s">
        <v>492</v>
      </c>
      <c r="B12" s="344" t="s">
        <v>519</v>
      </c>
      <c r="C12" s="366" t="s">
        <v>492</v>
      </c>
      <c r="D12" s="342" t="s">
        <v>492</v>
      </c>
      <c r="E12" s="343" t="s">
        <v>492</v>
      </c>
      <c r="F12" s="342"/>
      <c r="G12" s="341" t="s">
        <v>492</v>
      </c>
    </row>
    <row r="13" spans="1:7" ht="11.1" customHeight="1">
      <c r="A13" s="336" t="s">
        <v>492</v>
      </c>
      <c r="B13" s="340" t="s">
        <v>492</v>
      </c>
      <c r="C13" s="365" t="s">
        <v>492</v>
      </c>
      <c r="D13" s="338" t="s">
        <v>492</v>
      </c>
      <c r="E13" s="339" t="s">
        <v>492</v>
      </c>
      <c r="F13" s="338"/>
      <c r="G13" s="337" t="s">
        <v>492</v>
      </c>
    </row>
    <row r="14" spans="1:7" ht="11.1" customHeight="1">
      <c r="A14" s="336" t="s">
        <v>492</v>
      </c>
      <c r="B14" s="335" t="s">
        <v>492</v>
      </c>
      <c r="C14" s="364" t="s">
        <v>492</v>
      </c>
      <c r="D14" s="333" t="s">
        <v>492</v>
      </c>
      <c r="E14" s="334" t="s">
        <v>492</v>
      </c>
      <c r="F14" s="333"/>
      <c r="G14" s="332" t="s">
        <v>492</v>
      </c>
    </row>
    <row r="15" spans="1:7" ht="11.1" customHeight="1">
      <c r="A15" s="336" t="s">
        <v>492</v>
      </c>
      <c r="B15" s="340" t="s">
        <v>532</v>
      </c>
      <c r="C15" s="365" t="s">
        <v>492</v>
      </c>
      <c r="D15" s="338" t="s">
        <v>492</v>
      </c>
      <c r="E15" s="339" t="s">
        <v>492</v>
      </c>
      <c r="F15" s="338"/>
      <c r="G15" s="337" t="s">
        <v>492</v>
      </c>
    </row>
    <row r="16" spans="1:7" ht="11.1" customHeight="1">
      <c r="A16" s="336" t="s">
        <v>492</v>
      </c>
      <c r="B16" s="340" t="s">
        <v>492</v>
      </c>
      <c r="C16" s="365" t="s">
        <v>492</v>
      </c>
      <c r="D16" s="338" t="s">
        <v>531</v>
      </c>
      <c r="E16" s="339" t="s">
        <v>492</v>
      </c>
      <c r="F16" s="338"/>
      <c r="G16" s="337" t="s">
        <v>492</v>
      </c>
    </row>
    <row r="17" spans="1:7" ht="11.1" customHeight="1">
      <c r="A17" s="336" t="s">
        <v>492</v>
      </c>
      <c r="B17" s="335" t="s">
        <v>492</v>
      </c>
      <c r="C17" s="364" t="s">
        <v>492</v>
      </c>
      <c r="D17" s="333" t="s">
        <v>492</v>
      </c>
      <c r="E17" s="334" t="s">
        <v>497</v>
      </c>
      <c r="F17" s="333"/>
      <c r="G17" s="332" t="s">
        <v>492</v>
      </c>
    </row>
    <row r="18" spans="1:7" ht="11.1" customHeight="1">
      <c r="A18" s="336" t="s">
        <v>492</v>
      </c>
      <c r="B18" s="344" t="s">
        <v>515</v>
      </c>
      <c r="C18" s="366" t="s">
        <v>492</v>
      </c>
      <c r="D18" s="342" t="s">
        <v>492</v>
      </c>
      <c r="E18" s="343" t="s">
        <v>492</v>
      </c>
      <c r="F18" s="342"/>
      <c r="G18" s="341" t="s">
        <v>492</v>
      </c>
    </row>
    <row r="19" spans="1:7" ht="11.1" customHeight="1">
      <c r="A19" s="336" t="s">
        <v>492</v>
      </c>
      <c r="B19" s="340" t="s">
        <v>492</v>
      </c>
      <c r="C19" s="365" t="s">
        <v>492</v>
      </c>
      <c r="D19" s="338" t="s">
        <v>492</v>
      </c>
      <c r="E19" s="339" t="s">
        <v>492</v>
      </c>
      <c r="F19" s="338"/>
      <c r="G19" s="337" t="s">
        <v>492</v>
      </c>
    </row>
    <row r="20" spans="1:7" ht="11.1" customHeight="1">
      <c r="A20" s="336" t="s">
        <v>492</v>
      </c>
      <c r="B20" s="335" t="s">
        <v>492</v>
      </c>
      <c r="C20" s="364" t="s">
        <v>492</v>
      </c>
      <c r="D20" s="333" t="s">
        <v>492</v>
      </c>
      <c r="E20" s="334" t="s">
        <v>492</v>
      </c>
      <c r="F20" s="333"/>
      <c r="G20" s="332" t="s">
        <v>492</v>
      </c>
    </row>
    <row r="21" spans="1:7" ht="11.1" customHeight="1">
      <c r="A21" s="336" t="s">
        <v>492</v>
      </c>
      <c r="B21" s="340" t="s">
        <v>524</v>
      </c>
      <c r="C21" s="365" t="s">
        <v>492</v>
      </c>
      <c r="D21" s="338" t="s">
        <v>492</v>
      </c>
      <c r="E21" s="339" t="s">
        <v>492</v>
      </c>
      <c r="F21" s="338"/>
      <c r="G21" s="337" t="s">
        <v>492</v>
      </c>
    </row>
    <row r="22" spans="1:7" ht="11.1" customHeight="1">
      <c r="A22" s="336" t="s">
        <v>492</v>
      </c>
      <c r="B22" s="340" t="s">
        <v>492</v>
      </c>
      <c r="C22" s="365" t="s">
        <v>492</v>
      </c>
      <c r="D22" s="338" t="s">
        <v>498</v>
      </c>
      <c r="E22" s="339" t="s">
        <v>492</v>
      </c>
      <c r="F22" s="338"/>
      <c r="G22" s="337" t="s">
        <v>492</v>
      </c>
    </row>
    <row r="23" spans="1:7" ht="11.1" customHeight="1">
      <c r="A23" s="336" t="s">
        <v>492</v>
      </c>
      <c r="B23" s="335" t="s">
        <v>492</v>
      </c>
      <c r="C23" s="364" t="s">
        <v>492</v>
      </c>
      <c r="D23" s="333" t="s">
        <v>492</v>
      </c>
      <c r="E23" s="334" t="s">
        <v>530</v>
      </c>
      <c r="F23" s="333"/>
      <c r="G23" s="332" t="s">
        <v>492</v>
      </c>
    </row>
    <row r="24" spans="1:7" ht="11.1" customHeight="1">
      <c r="A24" s="336" t="s">
        <v>492</v>
      </c>
      <c r="B24" s="344" t="s">
        <v>515</v>
      </c>
      <c r="C24" s="366" t="s">
        <v>492</v>
      </c>
      <c r="D24" s="342" t="s">
        <v>492</v>
      </c>
      <c r="E24" s="343" t="s">
        <v>492</v>
      </c>
      <c r="F24" s="342"/>
      <c r="G24" s="341" t="s">
        <v>492</v>
      </c>
    </row>
    <row r="25" spans="1:7" ht="11.1" customHeight="1">
      <c r="A25" s="336" t="s">
        <v>492</v>
      </c>
      <c r="B25" s="340" t="s">
        <v>492</v>
      </c>
      <c r="C25" s="365" t="s">
        <v>492</v>
      </c>
      <c r="D25" s="338" t="s">
        <v>492</v>
      </c>
      <c r="E25" s="339" t="s">
        <v>492</v>
      </c>
      <c r="F25" s="338"/>
      <c r="G25" s="337" t="s">
        <v>492</v>
      </c>
    </row>
    <row r="26" spans="1:7" ht="11.1" customHeight="1">
      <c r="A26" s="336" t="s">
        <v>492</v>
      </c>
      <c r="B26" s="335" t="s">
        <v>492</v>
      </c>
      <c r="C26" s="364" t="s">
        <v>492</v>
      </c>
      <c r="D26" s="333" t="s">
        <v>492</v>
      </c>
      <c r="E26" s="334" t="s">
        <v>492</v>
      </c>
      <c r="F26" s="333"/>
      <c r="G26" s="332" t="s">
        <v>492</v>
      </c>
    </row>
    <row r="27" spans="1:7" ht="11.1" customHeight="1">
      <c r="A27" s="336" t="s">
        <v>492</v>
      </c>
      <c r="B27" s="340" t="s">
        <v>523</v>
      </c>
      <c r="C27" s="365" t="s">
        <v>492</v>
      </c>
      <c r="D27" s="338" t="s">
        <v>492</v>
      </c>
      <c r="E27" s="339" t="s">
        <v>492</v>
      </c>
      <c r="F27" s="338"/>
      <c r="G27" s="337" t="s">
        <v>492</v>
      </c>
    </row>
    <row r="28" spans="1:7" ht="11.1" customHeight="1">
      <c r="A28" s="336" t="s">
        <v>492</v>
      </c>
      <c r="B28" s="340" t="s">
        <v>492</v>
      </c>
      <c r="C28" s="365" t="s">
        <v>492</v>
      </c>
      <c r="D28" s="338" t="s">
        <v>498</v>
      </c>
      <c r="E28" s="339" t="s">
        <v>492</v>
      </c>
      <c r="F28" s="338"/>
      <c r="G28" s="337" t="s">
        <v>492</v>
      </c>
    </row>
    <row r="29" spans="1:7" ht="11.1" customHeight="1">
      <c r="A29" s="336" t="s">
        <v>492</v>
      </c>
      <c r="B29" s="335" t="s">
        <v>492</v>
      </c>
      <c r="C29" s="364" t="s">
        <v>492</v>
      </c>
      <c r="D29" s="333" t="s">
        <v>492</v>
      </c>
      <c r="E29" s="334" t="s">
        <v>497</v>
      </c>
      <c r="F29" s="333"/>
      <c r="G29" s="332" t="s">
        <v>492</v>
      </c>
    </row>
    <row r="30" spans="1:7" ht="11.1" customHeight="1">
      <c r="A30" s="336" t="s">
        <v>492</v>
      </c>
      <c r="B30" s="344" t="s">
        <v>515</v>
      </c>
      <c r="C30" s="366" t="s">
        <v>492</v>
      </c>
      <c r="D30" s="342" t="s">
        <v>492</v>
      </c>
      <c r="E30" s="343" t="s">
        <v>492</v>
      </c>
      <c r="F30" s="342"/>
      <c r="G30" s="341" t="s">
        <v>492</v>
      </c>
    </row>
    <row r="31" spans="1:7" ht="11.1" customHeight="1">
      <c r="A31" s="336" t="s">
        <v>492</v>
      </c>
      <c r="B31" s="340" t="s">
        <v>492</v>
      </c>
      <c r="C31" s="365" t="s">
        <v>492</v>
      </c>
      <c r="D31" s="338" t="s">
        <v>492</v>
      </c>
      <c r="E31" s="339" t="s">
        <v>492</v>
      </c>
      <c r="F31" s="338"/>
      <c r="G31" s="337" t="s">
        <v>492</v>
      </c>
    </row>
    <row r="32" spans="1:7" ht="11.1" customHeight="1">
      <c r="A32" s="336" t="s">
        <v>492</v>
      </c>
      <c r="B32" s="335" t="s">
        <v>492</v>
      </c>
      <c r="C32" s="364" t="s">
        <v>492</v>
      </c>
      <c r="D32" s="333" t="s">
        <v>492</v>
      </c>
      <c r="E32" s="334" t="s">
        <v>492</v>
      </c>
      <c r="F32" s="333"/>
      <c r="G32" s="332" t="s">
        <v>492</v>
      </c>
    </row>
    <row r="33" spans="1:7" ht="11.1" customHeight="1">
      <c r="A33" s="336"/>
      <c r="B33" s="356"/>
      <c r="C33" s="362"/>
      <c r="D33" s="342"/>
      <c r="E33" s="355"/>
      <c r="F33" s="342"/>
      <c r="G33" s="354"/>
    </row>
    <row r="34" spans="1:7" ht="11.1" customHeight="1">
      <c r="A34" s="336"/>
      <c r="B34" s="353"/>
      <c r="C34" s="361"/>
      <c r="D34" s="338"/>
      <c r="E34" s="352"/>
      <c r="F34" s="338"/>
      <c r="G34" s="351"/>
    </row>
    <row r="35" spans="1:7" ht="11.1" customHeight="1">
      <c r="A35" s="336"/>
      <c r="B35" s="359"/>
      <c r="C35" s="363"/>
      <c r="D35" s="333"/>
      <c r="E35" s="358"/>
      <c r="F35" s="333"/>
      <c r="G35" s="357"/>
    </row>
    <row r="36" spans="1:7" ht="11.1" customHeight="1">
      <c r="A36" s="336"/>
      <c r="B36" s="356"/>
      <c r="C36" s="362"/>
      <c r="D36" s="342"/>
      <c r="E36" s="355"/>
      <c r="F36" s="342"/>
      <c r="G36" s="354"/>
    </row>
    <row r="37" spans="1:7" ht="11.1" customHeight="1">
      <c r="A37" s="336"/>
      <c r="B37" s="353"/>
      <c r="C37" s="361"/>
      <c r="D37" s="338"/>
      <c r="E37" s="352"/>
      <c r="F37" s="338"/>
      <c r="G37" s="351"/>
    </row>
    <row r="38" spans="1:7" ht="11.1" customHeight="1">
      <c r="A38" s="336"/>
      <c r="B38" s="359"/>
      <c r="C38" s="363"/>
      <c r="D38" s="333"/>
      <c r="E38" s="358"/>
      <c r="F38" s="333"/>
      <c r="G38" s="357"/>
    </row>
    <row r="39" spans="1:7" ht="11.1" customHeight="1">
      <c r="A39" s="336"/>
      <c r="B39" s="356"/>
      <c r="C39" s="362"/>
      <c r="D39" s="342"/>
      <c r="E39" s="355"/>
      <c r="F39" s="342"/>
      <c r="G39" s="354"/>
    </row>
    <row r="40" spans="1:7" ht="11.1" customHeight="1">
      <c r="A40" s="336"/>
      <c r="B40" s="353"/>
      <c r="C40" s="361"/>
      <c r="D40" s="338"/>
      <c r="E40" s="352"/>
      <c r="F40" s="338"/>
      <c r="G40" s="351"/>
    </row>
    <row r="41" spans="1:7" ht="11.1" customHeight="1">
      <c r="A41" s="336"/>
      <c r="B41" s="359"/>
      <c r="C41" s="363"/>
      <c r="D41" s="333"/>
      <c r="E41" s="358"/>
      <c r="F41" s="333"/>
      <c r="G41" s="357"/>
    </row>
    <row r="42" spans="1:7" ht="11.1" customHeight="1">
      <c r="A42" s="336"/>
      <c r="B42" s="356"/>
      <c r="C42" s="362"/>
      <c r="D42" s="342"/>
      <c r="E42" s="355"/>
      <c r="F42" s="342"/>
      <c r="G42" s="354"/>
    </row>
    <row r="43" spans="1:7" ht="11.1" customHeight="1">
      <c r="A43" s="336"/>
      <c r="B43" s="353"/>
      <c r="C43" s="361"/>
      <c r="D43" s="338"/>
      <c r="E43" s="352"/>
      <c r="F43" s="338"/>
      <c r="G43" s="351"/>
    </row>
    <row r="44" spans="1:7" ht="11.1" customHeight="1">
      <c r="A44" s="336"/>
      <c r="B44" s="359"/>
      <c r="C44" s="363"/>
      <c r="D44" s="333"/>
      <c r="E44" s="358"/>
      <c r="F44" s="333"/>
      <c r="G44" s="357"/>
    </row>
    <row r="45" spans="1:7" ht="11.1" customHeight="1">
      <c r="A45" s="336"/>
      <c r="B45" s="356"/>
      <c r="C45" s="362"/>
      <c r="D45" s="342"/>
      <c r="E45" s="355"/>
      <c r="F45" s="342"/>
      <c r="G45" s="354"/>
    </row>
    <row r="46" spans="1:7" ht="11.1" customHeight="1">
      <c r="A46" s="336"/>
      <c r="B46" s="353"/>
      <c r="C46" s="361"/>
      <c r="D46" s="338"/>
      <c r="E46" s="352"/>
      <c r="F46" s="338"/>
      <c r="G46" s="351"/>
    </row>
    <row r="47" spans="1:7" ht="11.1" customHeight="1">
      <c r="A47" s="336"/>
      <c r="B47" s="359"/>
      <c r="C47" s="363"/>
      <c r="D47" s="333"/>
      <c r="E47" s="358"/>
      <c r="F47" s="333"/>
      <c r="G47" s="357"/>
    </row>
    <row r="48" spans="1:7" ht="11.1" customHeight="1">
      <c r="A48" s="336"/>
      <c r="B48" s="356"/>
      <c r="C48" s="362"/>
      <c r="D48" s="342"/>
      <c r="E48" s="355"/>
      <c r="F48" s="342"/>
      <c r="G48" s="354"/>
    </row>
    <row r="49" spans="1:7" ht="11.1" customHeight="1">
      <c r="A49" s="336"/>
      <c r="B49" s="353"/>
      <c r="C49" s="361"/>
      <c r="D49" s="338"/>
      <c r="E49" s="352"/>
      <c r="F49" s="338"/>
      <c r="G49" s="351"/>
    </row>
    <row r="50" spans="1:7" ht="11.1" customHeight="1">
      <c r="A50" s="336"/>
      <c r="B50" s="350"/>
      <c r="C50" s="360"/>
      <c r="D50" s="348"/>
      <c r="E50" s="349"/>
      <c r="F50" s="348"/>
      <c r="G50" s="347"/>
    </row>
    <row r="51" spans="1:7" ht="0.95" customHeight="1">
      <c r="B51" s="331"/>
      <c r="C51" s="331"/>
      <c r="D51" s="331"/>
      <c r="E51" s="331"/>
      <c r="F51" s="331"/>
      <c r="G51" s="331"/>
    </row>
  </sheetData>
  <mergeCells count="7">
    <mergeCell ref="B2:G3"/>
    <mergeCell ref="C4:C5"/>
    <mergeCell ref="B4:B5"/>
    <mergeCell ref="D4:D5"/>
    <mergeCell ref="F4:F5"/>
    <mergeCell ref="G4:G5"/>
    <mergeCell ref="E4:E5"/>
  </mergeCells>
  <phoneticPr fontId="2"/>
  <pageMargins left="0.70866141732283472" right="0.47244094488188981" top="0.6692913385826772" bottom="0.47244094488188981" header="0.47244094488188981" footer="0.39370078740157483"/>
  <pageSetup paperSize="9"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9</vt:i4>
      </vt:variant>
    </vt:vector>
  </HeadingPairs>
  <TitlesOfParts>
    <vt:vector size="20" baseType="lpstr">
      <vt:lpstr>設計書</vt:lpstr>
      <vt:lpstr>内訳書</vt:lpstr>
      <vt:lpstr>PM機械明細書</vt:lpstr>
      <vt:lpstr>PM一式内訳書</vt:lpstr>
      <vt:lpstr>AM工事内訳</vt:lpstr>
      <vt:lpstr>AM工事内訳 (2)</vt:lpstr>
      <vt:lpstr>AM種目</vt:lpstr>
      <vt:lpstr>AM科目</vt:lpstr>
      <vt:lpstr>AM中科目1</vt:lpstr>
      <vt:lpstr>AM細目別内訳</vt:lpstr>
      <vt:lpstr>施工条件明示一覧表</vt:lpstr>
      <vt:lpstr>PM一式内訳書!Print_Area</vt:lpstr>
      <vt:lpstr>PM機械明細書!Print_Area</vt:lpstr>
      <vt:lpstr>施工条件明示一覧表!Print_Area</vt:lpstr>
      <vt:lpstr>設計書!Print_Area</vt:lpstr>
      <vt:lpstr>内訳書!Print_Area</vt:lpstr>
      <vt:lpstr>PM一式内訳書!Print_Titles</vt:lpstr>
      <vt:lpstr>PM機械明細書!Print_Titles</vt:lpstr>
      <vt:lpstr>施工条件明示一覧表!Print_Titles</vt:lpstr>
      <vt:lpstr>内訳書!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川村 文香</cp:lastModifiedBy>
  <cp:lastPrinted>2021-09-15T06:45:21Z</cp:lastPrinted>
  <dcterms:created xsi:type="dcterms:W3CDTF">2014-06-10T00:20:59Z</dcterms:created>
  <dcterms:modified xsi:type="dcterms:W3CDTF">2021-09-22T06:18:27Z</dcterms:modified>
</cp:coreProperties>
</file>